
<file path=[Content_Types].xml><?xml version="1.0" encoding="utf-8"?>
<Types xmlns="http://schemas.openxmlformats.org/package/2006/content-types">
  <Default Extension="bin" ContentType="image/png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tags/tag5.xml" ContentType="application/vnd.openxmlformats-officedocument.presentationml.tags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tags/tag6.xml" ContentType="application/vnd.openxmlformats-officedocument.presentationml.tags+xml"/>
  <Override PartName="/ppt/ink/ink16.xml" ContentType="application/inkml+xml"/>
  <Override PartName="/ppt/ink/ink17.xml" ContentType="application/inkml+xml"/>
  <Override PartName="/ppt/ink/ink18.xml" ContentType="application/inkml+xml"/>
  <Override PartName="/ppt/ink/ink19.xml" ContentType="application/inkml+xml"/>
  <Override PartName="/ppt/ink/ink20.xml" ContentType="application/inkml+xml"/>
  <Override PartName="/ppt/ink/ink21.xml" ContentType="application/inkml+xml"/>
  <Override PartName="/ppt/ink/ink22.xml" ContentType="application/inkml+xml"/>
  <Override PartName="/ppt/ink/ink23.xml" ContentType="application/inkml+xml"/>
  <Override PartName="/ppt/ink/ink24.xml" ContentType="application/inkml+xml"/>
  <Override PartName="/ppt/ink/ink25.xml" ContentType="application/inkml+xml"/>
  <Override PartName="/ppt/ink/ink26.xml" ContentType="application/inkml+xml"/>
  <Override PartName="/ppt/ink/ink27.xml" ContentType="application/inkml+xml"/>
  <Override PartName="/ppt/ink/ink28.xml" ContentType="application/inkml+xml"/>
  <Override PartName="/ppt/ink/ink29.xml" ContentType="application/inkml+xml"/>
  <Override PartName="/ppt/ink/ink30.xml" ContentType="application/inkml+xml"/>
  <Override PartName="/ppt/ink/ink31.xml" ContentType="application/inkml+xml"/>
  <Override PartName="/ppt/ink/ink32.xml" ContentType="application/inkml+xml"/>
  <Override PartName="/ppt/ink/ink33.xml" ContentType="application/inkml+xml"/>
  <Override PartName="/ppt/ink/ink34.xml" ContentType="application/inkml+xml"/>
  <Override PartName="/ppt/ink/ink35.xml" ContentType="application/inkml+xml"/>
  <Override PartName="/ppt/ink/ink36.xml" ContentType="application/inkml+xml"/>
  <Override PartName="/ppt/ink/ink37.xml" ContentType="application/inkml+xml"/>
  <Override PartName="/ppt/ink/ink38.xml" ContentType="application/inkml+xml"/>
  <Override PartName="/ppt/ink/ink39.xml" ContentType="application/inkml+xml"/>
  <Override PartName="/ppt/ink/ink40.xml" ContentType="application/inkml+xml"/>
  <Override PartName="/ppt/ink/ink41.xml" ContentType="application/inkml+xml"/>
  <Override PartName="/ppt/ink/ink42.xml" ContentType="application/inkml+xml"/>
  <Override PartName="/ppt/ink/ink43.xml" ContentType="application/inkml+xml"/>
  <Override PartName="/ppt/ink/ink44.xml" ContentType="application/inkml+xml"/>
  <Override PartName="/ppt/ink/ink45.xml" ContentType="application/inkml+xml"/>
  <Override PartName="/ppt/ink/ink46.xml" ContentType="application/inkml+xml"/>
  <Override PartName="/ppt/ink/ink47.xml" ContentType="application/inkml+xml"/>
  <Override PartName="/ppt/ink/ink48.xml" ContentType="application/inkml+xml"/>
  <Override PartName="/ppt/ink/ink49.xml" ContentType="application/inkml+xml"/>
  <Override PartName="/ppt/ink/ink50.xml" ContentType="application/inkml+xml"/>
  <Override PartName="/ppt/ink/ink51.xml" ContentType="application/inkml+xml"/>
  <Override PartName="/ppt/ink/ink52.xml" ContentType="application/inkml+xml"/>
  <Override PartName="/ppt/ink/ink53.xml" ContentType="application/inkml+xml"/>
  <Override PartName="/ppt/ink/ink54.xml" ContentType="application/inkml+xml"/>
  <Override PartName="/ppt/ink/ink55.xml" ContentType="application/inkml+xml"/>
  <Override PartName="/ppt/ink/ink56.xml" ContentType="application/inkml+xml"/>
  <Override PartName="/ppt/ink/ink57.xml" ContentType="application/inkml+xml"/>
  <Override PartName="/ppt/ink/ink58.xml" ContentType="application/inkml+xml"/>
  <Override PartName="/ppt/ink/ink59.xml" ContentType="application/inkml+xml"/>
  <Override PartName="/ppt/ink/ink60.xml" ContentType="application/inkml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33"/>
  </p:sldMasterIdLst>
  <p:sldIdLst>
    <p:sldId id="257" r:id="rId34"/>
    <p:sldId id="277" r:id="rId35"/>
    <p:sldId id="258" r:id="rId36"/>
    <p:sldId id="262" r:id="rId37"/>
    <p:sldId id="316" r:id="rId38"/>
    <p:sldId id="317" r:id="rId39"/>
    <p:sldId id="264" r:id="rId40"/>
    <p:sldId id="265" r:id="rId41"/>
    <p:sldId id="278" r:id="rId42"/>
    <p:sldId id="318" r:id="rId43"/>
    <p:sldId id="319" r:id="rId44"/>
    <p:sldId id="320" r:id="rId45"/>
    <p:sldId id="321" r:id="rId46"/>
    <p:sldId id="266" r:id="rId47"/>
    <p:sldId id="326" r:id="rId48"/>
    <p:sldId id="286" r:id="rId49"/>
    <p:sldId id="322" r:id="rId50"/>
    <p:sldId id="287" r:id="rId51"/>
    <p:sldId id="325" r:id="rId52"/>
    <p:sldId id="323" r:id="rId53"/>
    <p:sldId id="324" r:id="rId54"/>
    <p:sldId id="291" r:id="rId55"/>
    <p:sldId id="298" r:id="rId56"/>
    <p:sldId id="297" r:id="rId57"/>
    <p:sldId id="295" r:id="rId58"/>
    <p:sldId id="299" r:id="rId59"/>
    <p:sldId id="301" r:id="rId60"/>
    <p:sldId id="268" r:id="rId61"/>
    <p:sldId id="294" r:id="rId62"/>
    <p:sldId id="302" r:id="rId63"/>
    <p:sldId id="300" r:id="rId64"/>
    <p:sldId id="290" r:id="rId65"/>
    <p:sldId id="293" r:id="rId66"/>
    <p:sldId id="292" r:id="rId67"/>
    <p:sldId id="296" r:id="rId68"/>
    <p:sldId id="303" r:id="rId69"/>
    <p:sldId id="315" r:id="rId70"/>
    <p:sldId id="288" r:id="rId71"/>
    <p:sldId id="289" r:id="rId72"/>
    <p:sldId id="304" r:id="rId73"/>
    <p:sldId id="305" r:id="rId74"/>
    <p:sldId id="306" r:id="rId75"/>
    <p:sldId id="307" r:id="rId76"/>
    <p:sldId id="308" r:id="rId77"/>
    <p:sldId id="309" r:id="rId78"/>
    <p:sldId id="310" r:id="rId79"/>
    <p:sldId id="311" r:id="rId80"/>
    <p:sldId id="312" r:id="rId81"/>
    <p:sldId id="314" r:id="rId82"/>
    <p:sldId id="313" r:id="rId83"/>
    <p:sldId id="269" r:id="rId8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738"/>
    <p:restoredTop sz="96312"/>
  </p:normalViewPr>
  <p:slideViewPr>
    <p:cSldViewPr snapToGrid="0">
      <p:cViewPr varScale="1">
        <p:scale>
          <a:sx n="156" d="100"/>
          <a:sy n="156" d="100"/>
        </p:scale>
        <p:origin x="192" y="2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42" Type="http://schemas.openxmlformats.org/officeDocument/2006/relationships/slide" Target="slides/slide9.xml"/><Relationship Id="rId47" Type="http://schemas.openxmlformats.org/officeDocument/2006/relationships/slide" Target="slides/slide14.xml"/><Relationship Id="rId63" Type="http://schemas.openxmlformats.org/officeDocument/2006/relationships/slide" Target="slides/slide30.xml"/><Relationship Id="rId68" Type="http://schemas.openxmlformats.org/officeDocument/2006/relationships/slide" Target="slides/slide35.xml"/><Relationship Id="rId84" Type="http://schemas.openxmlformats.org/officeDocument/2006/relationships/slide" Target="slides/slide51.xml"/><Relationship Id="rId16" Type="http://schemas.openxmlformats.org/officeDocument/2006/relationships/customXml" Target="../customXml/item16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37" Type="http://schemas.openxmlformats.org/officeDocument/2006/relationships/slide" Target="slides/slide4.xml"/><Relationship Id="rId53" Type="http://schemas.openxmlformats.org/officeDocument/2006/relationships/slide" Target="slides/slide20.xml"/><Relationship Id="rId58" Type="http://schemas.openxmlformats.org/officeDocument/2006/relationships/slide" Target="slides/slide25.xml"/><Relationship Id="rId74" Type="http://schemas.openxmlformats.org/officeDocument/2006/relationships/slide" Target="slides/slide41.xml"/><Relationship Id="rId79" Type="http://schemas.openxmlformats.org/officeDocument/2006/relationships/slide" Target="slides/slide46.xml"/><Relationship Id="rId5" Type="http://schemas.openxmlformats.org/officeDocument/2006/relationships/customXml" Target="../customXml/item5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2.xml"/><Relationship Id="rId43" Type="http://schemas.openxmlformats.org/officeDocument/2006/relationships/slide" Target="slides/slide10.xml"/><Relationship Id="rId48" Type="http://schemas.openxmlformats.org/officeDocument/2006/relationships/slide" Target="slides/slide15.xml"/><Relationship Id="rId56" Type="http://schemas.openxmlformats.org/officeDocument/2006/relationships/slide" Target="slides/slide23.xml"/><Relationship Id="rId64" Type="http://schemas.openxmlformats.org/officeDocument/2006/relationships/slide" Target="slides/slide31.xml"/><Relationship Id="rId69" Type="http://schemas.openxmlformats.org/officeDocument/2006/relationships/slide" Target="slides/slide36.xml"/><Relationship Id="rId77" Type="http://schemas.openxmlformats.org/officeDocument/2006/relationships/slide" Target="slides/slide44.xml"/><Relationship Id="rId8" Type="http://schemas.openxmlformats.org/officeDocument/2006/relationships/customXml" Target="../customXml/item8.xml"/><Relationship Id="rId51" Type="http://schemas.openxmlformats.org/officeDocument/2006/relationships/slide" Target="slides/slide18.xml"/><Relationship Id="rId72" Type="http://schemas.openxmlformats.org/officeDocument/2006/relationships/slide" Target="slides/slide39.xml"/><Relationship Id="rId80" Type="http://schemas.openxmlformats.org/officeDocument/2006/relationships/slide" Target="slides/slide47.xml"/><Relationship Id="rId85" Type="http://schemas.openxmlformats.org/officeDocument/2006/relationships/presProps" Target="presProp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Master" Target="slideMasters/slideMaster1.xml"/><Relationship Id="rId38" Type="http://schemas.openxmlformats.org/officeDocument/2006/relationships/slide" Target="slides/slide5.xml"/><Relationship Id="rId46" Type="http://schemas.openxmlformats.org/officeDocument/2006/relationships/slide" Target="slides/slide13.xml"/><Relationship Id="rId59" Type="http://schemas.openxmlformats.org/officeDocument/2006/relationships/slide" Target="slides/slide26.xml"/><Relationship Id="rId67" Type="http://schemas.openxmlformats.org/officeDocument/2006/relationships/slide" Target="slides/slide34.xml"/><Relationship Id="rId20" Type="http://schemas.openxmlformats.org/officeDocument/2006/relationships/customXml" Target="../customXml/item20.xml"/><Relationship Id="rId41" Type="http://schemas.openxmlformats.org/officeDocument/2006/relationships/slide" Target="slides/slide8.xml"/><Relationship Id="rId54" Type="http://schemas.openxmlformats.org/officeDocument/2006/relationships/slide" Target="slides/slide21.xml"/><Relationship Id="rId62" Type="http://schemas.openxmlformats.org/officeDocument/2006/relationships/slide" Target="slides/slide29.xml"/><Relationship Id="rId70" Type="http://schemas.openxmlformats.org/officeDocument/2006/relationships/slide" Target="slides/slide37.xml"/><Relationship Id="rId75" Type="http://schemas.openxmlformats.org/officeDocument/2006/relationships/slide" Target="slides/slide42.xml"/><Relationship Id="rId83" Type="http://schemas.openxmlformats.org/officeDocument/2006/relationships/slide" Target="slides/slide50.xml"/><Relationship Id="rId88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3.xml"/><Relationship Id="rId49" Type="http://schemas.openxmlformats.org/officeDocument/2006/relationships/slide" Target="slides/slide16.xml"/><Relationship Id="rId57" Type="http://schemas.openxmlformats.org/officeDocument/2006/relationships/slide" Target="slides/slide24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11.xml"/><Relationship Id="rId52" Type="http://schemas.openxmlformats.org/officeDocument/2006/relationships/slide" Target="slides/slide19.xml"/><Relationship Id="rId60" Type="http://schemas.openxmlformats.org/officeDocument/2006/relationships/slide" Target="slides/slide27.xml"/><Relationship Id="rId65" Type="http://schemas.openxmlformats.org/officeDocument/2006/relationships/slide" Target="slides/slide32.xml"/><Relationship Id="rId73" Type="http://schemas.openxmlformats.org/officeDocument/2006/relationships/slide" Target="slides/slide40.xml"/><Relationship Id="rId78" Type="http://schemas.openxmlformats.org/officeDocument/2006/relationships/slide" Target="slides/slide45.xml"/><Relationship Id="rId81" Type="http://schemas.openxmlformats.org/officeDocument/2006/relationships/slide" Target="slides/slide48.xml"/><Relationship Id="rId86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slide" Target="slides/slide6.xml"/><Relationship Id="rId34" Type="http://schemas.openxmlformats.org/officeDocument/2006/relationships/slide" Target="slides/slide1.xml"/><Relationship Id="rId50" Type="http://schemas.openxmlformats.org/officeDocument/2006/relationships/slide" Target="slides/slide17.xml"/><Relationship Id="rId55" Type="http://schemas.openxmlformats.org/officeDocument/2006/relationships/slide" Target="slides/slide22.xml"/><Relationship Id="rId76" Type="http://schemas.openxmlformats.org/officeDocument/2006/relationships/slide" Target="slides/slide43.xml"/><Relationship Id="rId7" Type="http://schemas.openxmlformats.org/officeDocument/2006/relationships/customXml" Target="../customXml/item7.xml"/><Relationship Id="rId71" Type="http://schemas.openxmlformats.org/officeDocument/2006/relationships/slide" Target="slides/slide38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slide" Target="slides/slide7.xml"/><Relationship Id="rId45" Type="http://schemas.openxmlformats.org/officeDocument/2006/relationships/slide" Target="slides/slide12.xml"/><Relationship Id="rId66" Type="http://schemas.openxmlformats.org/officeDocument/2006/relationships/slide" Target="slides/slide33.xml"/><Relationship Id="rId87" Type="http://schemas.openxmlformats.org/officeDocument/2006/relationships/theme" Target="theme/theme1.xml"/><Relationship Id="rId61" Type="http://schemas.openxmlformats.org/officeDocument/2006/relationships/slide" Target="slides/slide28.xml"/><Relationship Id="rId82" Type="http://schemas.openxmlformats.org/officeDocument/2006/relationships/slide" Target="slides/slide49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9:54.754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40:02.11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40:15.610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9:55.494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0 1 24575,'0'0'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9:55.955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0 1 24575,'0'0'0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40:27.578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0 24575,'0'0'0</inkml:trace>
</inkml:ink>
</file>

<file path=ppt/ink/ink1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1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1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1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2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2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2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2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2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2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2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2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2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2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3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3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3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3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3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3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3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3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3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3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4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4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4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4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4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4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4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4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4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4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5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5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5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1.671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997 297,'79'0,"1"0,11 0,1 0,4 0,-2 0,-4 0,-4 0,-17 0,-6 0,21 0,-28 0,-29 0,-15 0,-53-11,-17-2,-15-2,-13 0,20 4,-3 1,-3-1,-16-2,-3-1,-2 1,19 2,-2 1,1-1,1 1,-18-2,2-1,1 2,8 0,2 1,4 1,-19-2,7 1,19 2,5 0,-28-4,42 3,27 5,59 8,26 4,35 4,-20-2,10 0,-4-3,7-1,3 0,-20-1,2 0,1 0,2 0,9 1,3 1,1 0,-2 0,-3 0,0 0,-2 0,-8 0,28 5,-12-1,-26-2,-8-1,14 4,-42-5,-26-4,-49-1,0-2,-40 0,8 0,25 0,-6 0,-20 0,-6 0,17 0,-3 0,-1 0,-4-1,-2 0,1-2,3 0,0-2,4 0,-21-6,9-1,-9-4,36 1</inkml:trace>
</inkml:ink>
</file>

<file path=ppt/ink/ink5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19T10:35:22.237"/>
    </inkml:context>
    <inkml:brush xml:id="br0">
      <inkml:brushProperty name="width" value="0.3" units="cm"/>
      <inkml:brushProperty name="height" value="0.6" units="cm"/>
      <inkml:brushProperty name="color" value="#FFFFFF"/>
      <inkml:brushProperty name="tip" value="rectangle"/>
      <inkml:brushProperty name="rasterOp" value="maskPen"/>
    </inkml:brush>
  </inkml:definitions>
  <inkml:trace contextRef="#ctx0" brushRef="#br0">0 5,'100'0,"-1"0,-27 0,2 0,1 0,13 0,2 0,0 0,-6 0,-1 0,-2 0,-10 0,-1 0,-5 0,11 0,-9 0,13 0,-36 0,-28-2,-11-1</inkml:trace>
</inkml:ink>
</file>

<file path=ppt/ink/ink5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0.488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1 1 24575,'7'2'0,"-2"0"0</inkml:trace>
</inkml:ink>
</file>

<file path=ppt/ink/ink5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5.7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59 24575,'67'0'0,"-1"0"0,15 0 0,4 0 0,-18 0 0,2 0 0,1 0-294,6 0 0,1 0 0,-1 0 294,-4 0 0,0 0 0,-3 0 0,25 1 0,-5 1 145,-13 0 0,-6 1-145,-15 0 0,-4 0 146,32 2-146,-27-3 0,-16-2 0,-6 0 446,-3 0-446,2 2 0,3 2 0,6 0 0,2 0 0,4 0 0,0-1 0,-5-1 0,-9 0 0,-9-1 0,-10-1 0,-9 0 0,-41 0 0,5 0 0,-35 0 0,10 0 0,-10 0 0,-11 0 0,-7 0 0,1 0 0,4 0 0,7 0 0,8 0 0,12-2 0,7 0 0,7 0 0,2-2 0,1 1 0,0 1 0,1 0 0,3 0 0,3 0 0,4 0 0,-2 0 0,0 0 0,2-4 0,1-2 0,5-2 0,5 0 0,5 1 0,4 2 0,19 2 0,8 3 0,19 1 0,8 1 0,18 0 0,24 0 0,-34 0 0,4 0 0,7 0 0,1 0 0,3 0 0,0 0 0,0-1 0,0 0 0,-3-1 0,-1 0 0,-3 1 0,-1-1 0,-8 1 0,-2 0 0,36 0 0,-23 1 0,-19 0 0,-12 0 0,-11 0 0,-9 1 0,-4 1 0,-4 0 0,-1 0 0,4-2 0,-5 2 0,6 0 0,-5 1 0,2 0 0,3 0 0,0-1 0,2 1 0,0 0 0,0 1 0,0 1 0,0-1 0,-1-2 0,3 0 0,0 0 0,0 0 0,0 2 0,-3-1 0,3 0 0,0-2 0,0 0 0,0 1 0,-1 0 0,-5 0 0,3-1 0,-2 2 0,-3-2 0,5 2 0,-6-3 0,1 0 0,1 0 0,-3 4 0,3-3 0,-3 2 0,3-3 0,-1 0 0,2 0 0,1 0 0,2 0 0,1 0 0,1 0 0,-5 0 0,3 0 0,-4 0 0,4 0 0,0 0 0,1 0 0,-1 0 0,1 0 0,-1 0 0,1 0 0,0 0 0,-2 0 0,0 0 0,-1 0 0,1 0 0,0 0 0,5 0 0,-8 0 0,8 0 0,-13 0 0,10 0 0,-10 0 0,7 0 0,-4 0 0,1 0 0,2 0 0,-1 0 0,1 0 0,1 0 0,0 0 0,1 0 0,0 0 0,-2 0 0,0 0 0,1 0 0,-1 2 0,0 0 0,1 0 0,0-1 0,1-1 0,-1 0 0,0 0 0,-2 0 0,2 0 0,-6 0 0,4 0 0,-3 0 0,4 2 0,2 0 0,2 0 0,0 0 0,-1-2 0,1 0 0,1 0 0,3 0 0,1 2 0,1 0 0,-2 0 0,-1-1 0,-2-1 0,-1 1 0,0 0 0,-1 1 0,1 1 0,-1-2 0,1-1 0,-1 0 0,1 0 0,-2 1 0,0 1 0,-1 0 0,1 0 0,1 0 0,0 0 0,1 2 0,-1 0 0,3-2 0,0 1 0,2-1 0,0 0 0,0 2 0,0-2 0,-1 1 0,1-1 0,0-2 0,0 0 0,2 1 0,0 2 0,-2-1 0,2 0 0,-1-2 0,-1 0 0,1 0 0,-3 0 0,0 0 0,-1 0 0,3 0 0,2 0 0,1 0 0,-2 0 0,0 0 0,-2 0 0,-2 0 0,0 0 0,-2 0 0,1 0 0,-1 0 0,1 0 0,3 0 0,-8 0 0,5 0 0,-6 0 0,4 0 0,1 0 0,1 0 0,0 0 0,2 0 0,0 0 0,0 0 0,-1 0 0,-2 0 0,1 0 0,-1 0 0,-2 0 0,-3 0 0,-2 0 0,1 0 0,0 0 0,6 0 0,-2 0 0,5 0 0,3 0 0,1 0 0,1 0 0,-3 0 0,-2 0 0,-1 0 0,2 0 0,2 0 0,1 0 0,-1 0 0,2 0 0,1 0 0,0 0 0,1 0 0,-1 0 0,-1 0 0,1 0 0,1 0 0,4 0 0,2 0 0,3 0 0,0 0 0,3 0 0,0 0 0,-1 0 0,-4 0 0,-5 0 0,-2 0 0,-2 0 0,-4 0 0,0 0 0,-1 0 0,2 0 0,-1 0 0,1 0 0,0 0 0,1 0 0,-1 0 0,1 0 0,1 0 0,0 0 0,0 0 0,-2 0 0,-2 0 0,2 0 0,-2 0 0,2 0 0,3 0 0,0 0 0,-1 0 0,-2 0 0,-2 0 0,-3 0 0,3 0 0,0 0 0,2 0 0,0 0 0,0 0 0,0 0 0,-2 0 0,0 0 0,-2 0 0,0 0 0,-1 0 0,-2 0 0,-1 0 0,-1 0 0,1 0 0,2 0 0,1 0 0,-3 0 0,2 0 0,-7 0 0,6 0 0,-3 0 0,4 0 0,1 0 0,1 0 0,0 0 0,-2 0 0,-1 0 0,2 0 0,-6 0 0,6 0 0,-5 0 0,2 0 0,-1 0 0,-3 0 0,1-1 0,-35-2 0,16 2 0,-26-1 0,20 2 0,7 0 0,-5 0 0,6 0 0,-3 0 0,1 0 0,-2 0 0,4 0 0,-5 0 0,3 0 0,-5 0 0,0 0 0,0 0 0,1 0 0,3 2 0,-2 0 0,6 0 0,-4 0 0,4-2 0,-3 3 0,-1-2 0,4 2 0,-6-3 0,6 0 0,-4 0 0,-2 0 0,6 0 0,-6 0 0,6 0 0,-3 0 0,0 0 0,-3 0 0,1-3 0,3-2 0,1-3 0,2 0 0,1 2 0,-1-2 0,3 1 0,0-6 0,3 5 0,-4-1 0,-7 6 0,-4 1 0,-4-2 0,1-2 0,4-2 0,4 0 0,1 4 0,2 2 0,-4 2 0,2-3 0,1-5 0,3 2 0,-2-4 0,0 6 0,-1-1 0,-3 13 0,6-4 0,-6 10 0,6-9 0,-1 1 0,-2 4 0,3-4 0,-2 1 0,0-2 0,-1-3 0,-3 4 0,3-5 0,-3 3 0,4-4 0,-3 0 0,0 0 0,0 2 0,-4 0 0,-2 1 0,-5 1 0,-3-2 0,0-1 0,2-1 0,4 0 0,3 0 0,1 0 0,-3 0 0,8 0 0,-5 0 0,8 0 0,-4 0 0,0 0 0,-3 0 0,4 0 0,0 0 0,1 0 0,-3 0 0,-1 0 0,0 0 0,0 0 0,1 0 0,0 0 0,0 0 0,-3 0 0,-3 0 0,0 0 0,-4 0 0,10 0 0,-4 0 0,9 0 0,-3 0 0,-2 0 0,3 0 0,-4 0 0,5 0 0,-2 0 0,-2 0 0,4 0 0,-6 0 0,4 0 0,-3 0 0,1 0 0,-3 0 0,0 0 0,-2 0 0,0 0 0,-2 0 0,7 0 0,-2 0 0,8-1 0,-5-3 0,3-3 0,-1 2 0,3-6 0,12 3 0,-4 0 0,8-1 0,-4 8 0,-13-13 0,12 7 0,-13-5 0,-9 27 0,8-9 0,-21 17 0,19-18 0,-1-2 0,1 1 0,-2-2 0,-1 2 0,-5-1 0,-7 2 0,-7 1 0,-6 1 0,3 1 0,6-1 0,8-2 0,8-1 0,4-2 0,3 0 0,-4-2 0,-2 0 0,-1 0 0,-2 0 0,-2 1 0,-8 1 0,-9 1 0,-6-1 0,-3-2 0,5 0 0,7 0 0,8 0 0,7 0 0,2 0 0,1 0 0,-1 0 0,-4 0 0,8 0 0,-4 0 0,9 0 0,-6 0 0,0 0 0,0-1 0,2-1 0,1 0 0,-1 0 0,0 0 0,-1 0 0,0 0 0,4-1 0,-8 1 0,8 0 0,-7-1 0,5 1 0,-3-1 0,-2-2 0,6 4 0,-3-2 0,1 3 0,2-2 0,-6 0 0,4 0 0,0 1 0,40-2 0,-12 2 0,34-2 0,-23 5 0,3 1 0,-3 1 0,-2-1 0,-4-1 0,-2 0 0,-2 0 0,-1 0 0,1 0 0,-2 0 0,0-2 0,-2 0 0,-2 0 0,-3 1 0,-4 1 0,2 0 0,-2 3 0,-25-21 0,16 12 0,-25-17 0,25 17 0,0-1 0,17 0 0,-12 3 0,17 1 0,-13 7 0,1 1 0,2 2 0,2-3 0,-5-1 0,7-2 0,-2 1 0,8 0 0,6 0 0,9 0 0,7-2 0,3 3 0,-1-2 0,-5 0 0,-8-1 0,-7-2 0,-6 0-984,-5 0 0,-3 0 0,0 0 0,-2 0 0,1 0 0,5 0 104,-2-1 880,5-3 983,2-4 0,1-2 0,3-1 0,-2 3 0,-3 2 0,-5 1-97,-5 1-886,-2-1 0,4-1 0,-3 2 0,5 0 0,-5 2 0,1 1 0,-23-14 0,7 8 0,-20-11 0,12 11 0,1 1 0,3 3 0,3 1 0,2 2 0,-2-3 0,-1 2 0,0-2 0,0 3 0,2 0 0,-2 0 0,0 0 0,-1 2 0,-2 2 0,0 1 0,-2 0 0,-6-1 0,-5-2 0,-7 1 0,-4-1 0,2 2 0,4 0 0,7-1 0,7 0 0,0-1 0,8 0 0,-4-1 0,6-1 0,-4 0 0,0 0 0,1 0 0,-1 0 0,3 0 0,-2 0 0,-3 0 0,-1 0 0,-2 0 0,1 0 0,-4 0 0,8 0 0,-4 0 0,7 0 0,-3 0 0,0 0 0,-4 0 0,6 0 0,-8 0 0,11 0 0,-6 0 0,0 0 0,-1 0 0,-6 0 0,4-1 0,-1-3 0,1 0 0,-1 0 0,1 1 0,3 0 0,2 0 0,3-1 0,40 18 0,0 5 0,42 18 0,-8 1 0,5-5 0,-4-5 0,-10-7 0,-14-8 0,-21-6 0,-12-5 0</inkml:trace>
</inkml:ink>
</file>

<file path=ppt/ink/ink5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07.6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47'0'0,"0"0"0,1 0 0,-4 0 0,-8 0 0,-5 0 0,-6 0 0,-5 0 0,-5 0 0,-6 0 0,-1 0 0,0 0 0,1 0 0,3 0 0</inkml:trace>
</inkml:ink>
</file>

<file path=ppt/ink/ink5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5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5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3.954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416 168 24575,'-2'-7'0,"28"2"0,51 2 0,-9 3 0,9 0 0,-11 0 0,3 0 0,0 0 0,1 0 0,1 0 0,-1 0 0,30 0 0,-3 0 0,-13 0 0,-4 0 0,-12 0 0,-5 0 0,-7 0 0,-3 0 0,25 1 0,-19 2 0,-12 3 0,-3 2 0,0 2 0,0-1 0,-3 1 0,-6-3 0,-10-1 0,-11-2 0,-10-2 0,-15-3 0,-18-6 0,-24-3 0,-34-2 0,28 6 0,-6 2 0,-15-1 0,-5 1 0,18-1 0,-4 0 0,-1 0-278,-9-2 1,-1-1-1,-1 0 278,0-1 0,-1 0 0,2-1 0,1 0 0,2-1 0,1 1 0,-22-3 0,5 1 0,22 3 0,6 1 0,13 3 0,7 0 0,-7 1 0,25 3 0,16 1 833,4 0-833,0 0 0,-4 0 0,-6 0 0,-3 0 0,-2-2 0,0 0 0,3 0 0,5-1 0,7 1 0,7 0 0,10 1 0,15 0 0,23 1 0,31 0 0,-24 1 0,6 1 0,18 1 0,7 2 0,-17-1 0,2 0 0,1 0-142,5 1 0,0 1 1,0-1 141,-1 0 0,-1 1 0,-2-1 0,20 1 0,-6 1 0,-20-2 0,-6 0 0,22 1 0,-36 1 0,-27-6 0,-13 2 0,-8-3 0,-2 0 0</inkml:trace>
</inkml:ink>
</file>

<file path=ppt/ink/ink6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5:34.237"/>
    </inkml:context>
    <inkml:brush xml:id="br0">
      <inkml:brushProperty name="width" value="0.05" units="cm"/>
      <inkml:brushProperty name="height" value="0.05" units="cm"/>
      <inkml:brushProperty name="color" value="#FFFFFF"/>
    </inkml:brush>
  </inkml:definitions>
  <inkml:trace contextRef="#ctx0" brushRef="#br0">0 0 24575,'0'0'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17.872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44 24575,'48'0'0,"6"0"0,14 0 0,-3 0 0,-12 0 0,-12 0 0,-9 0 0,-16 0 0,-3 0 0,-44-9 0,12 4 0,-29-8 0,23 6 0,0 3 0,-1 2 0,12 2 0,-5 0 0,10 0 0,-8 0 0,6 0 0,-4 0 0,5 0 0,2 0 0,-5 0 0,7 0 0,-4 0 0,-1 0 0,5-2 0,-2 0 0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2-19T10:36:25.121"/>
    </inkml:context>
    <inkml:brush xml:id="br0">
      <inkml:brushProperty name="width" value="0.35" units="cm"/>
      <inkml:brushProperty name="height" value="0.35" units="cm"/>
      <inkml:brushProperty name="color" value="#FFFFFF"/>
    </inkml:brush>
  </inkml:definitions>
  <inkml:trace contextRef="#ctx0" brushRef="#br0">1 1 24575,'0'0'0</inkml:trace>
</inkml:ink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C6F1A4-E140-5014-6F78-77A35D311B7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57F1B55-3683-C54F-BA9F-71732DF6189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D09FD10-CD6F-9A1D-89AF-903226CF2B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0A1B7C9-864C-3191-EC5A-29D3A158D2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D79D81-CFAC-0A13-72B7-4C34BD3610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82207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FB96B5-362E-E4B7-4CF5-02C59FB221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60A1EF9-2222-905C-F032-E95A9E30B94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ED19B2-26C4-A5E6-1793-8F4685A0B0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96B250-12E2-0B53-2D7C-183FBAB535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147CF3-6D68-8751-D37E-B069EEF189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69959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BA00D4B-08DB-0112-4D14-721B3CD0E2E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6BCDCC7-E170-84D4-A833-433DEB8A27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7B2EBC-05BF-EA28-81A1-4C4ADEC529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528E98-C1B3-2B00-B467-8088AAED01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102F04-B93E-BBB8-A035-8C28E3EEE6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38991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765D23D2-88AF-4F2B-901E-9561B97DBBB3}"/>
              </a:ext>
            </a:extLst>
          </p:cNvPr>
          <p:cNvSpPr/>
          <p:nvPr userDrawn="1"/>
        </p:nvSpPr>
        <p:spPr>
          <a:xfrm>
            <a:off x="0" y="-12192"/>
            <a:ext cx="12192000" cy="687019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8777" y="2207919"/>
            <a:ext cx="4204302" cy="1640181"/>
          </a:xfrm>
        </p:spPr>
        <p:txBody>
          <a:bodyPr anchor="b"/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777" y="4100219"/>
            <a:ext cx="4204302" cy="15113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Date Placeholder 6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rot="10800000" flipH="1" flipV="1">
            <a:off x="358775" y="5749338"/>
            <a:ext cx="4204301" cy="432000"/>
          </a:xfrm>
        </p:spPr>
        <p:txBody>
          <a:bodyPr/>
          <a:lstStyle>
            <a:lvl1pPr algn="l">
              <a:defRPr sz="1800">
                <a:solidFill>
                  <a:schemeClr val="bg1"/>
                </a:solidFill>
              </a:defRPr>
            </a:lvl1pPr>
          </a:lstStyle>
          <a:p>
            <a:fld id="{9821F2BB-4EE8-DD41-BB39-43C315B1D68E}" type="datetime6">
              <a:rPr lang="en-IN" smtClean="0"/>
              <a:t>March 23</a:t>
            </a:fld>
            <a:endParaRPr lang="en-GB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07AF373-10DB-41A4-A308-A75F7F7C98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8776" y="374650"/>
            <a:ext cx="1959149" cy="1517650"/>
          </a:xfrm>
          <a:prstGeom prst="rect">
            <a:avLst/>
          </a:prstGeom>
        </p:spPr>
      </p:pic>
      <p:pic>
        <p:nvPicPr>
          <p:cNvPr id="802322270" name="image" descr="{&quot;templafy&quot;:{&quot;id&quot;:&quot;10b556d1-5f82-4a32-b299-c849caa6fed7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73489" y="-12192"/>
            <a:ext cx="972000" cy="1173405"/>
          </a:xfrm>
          <a:prstGeom prst="rect">
            <a:avLst/>
          </a:prstGeom>
        </p:spPr>
      </p:pic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1DB3F678-BB57-46F5-83B3-29757CF5EF63}"/>
              </a:ext>
            </a:extLst>
          </p:cNvPr>
          <p:cNvSpPr/>
          <p:nvPr userDrawn="1"/>
        </p:nvSpPr>
        <p:spPr>
          <a:xfrm>
            <a:off x="8509844" y="446088"/>
            <a:ext cx="2412912" cy="5930917"/>
          </a:xfrm>
          <a:custGeom>
            <a:avLst/>
            <a:gdLst>
              <a:gd name="connsiteX0" fmla="*/ 0 w 2421537"/>
              <a:gd name="connsiteY0" fmla="*/ 0 h 5952116"/>
              <a:gd name="connsiteX1" fmla="*/ 286165 w 2421537"/>
              <a:gd name="connsiteY1" fmla="*/ 73580 h 5952116"/>
              <a:gd name="connsiteX2" fmla="*/ 2421537 w 2421537"/>
              <a:gd name="connsiteY2" fmla="*/ 2976058 h 5952116"/>
              <a:gd name="connsiteX3" fmla="*/ 286165 w 2421537"/>
              <a:gd name="connsiteY3" fmla="*/ 5878536 h 5952116"/>
              <a:gd name="connsiteX4" fmla="*/ 0 w 2421537"/>
              <a:gd name="connsiteY4" fmla="*/ 5952116 h 5952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21537" h="5952116">
                <a:moveTo>
                  <a:pt x="0" y="0"/>
                </a:moveTo>
                <a:lnTo>
                  <a:pt x="286165" y="73580"/>
                </a:lnTo>
                <a:cubicBezTo>
                  <a:pt x="1523291" y="458367"/>
                  <a:pt x="2421537" y="1612314"/>
                  <a:pt x="2421537" y="2976058"/>
                </a:cubicBezTo>
                <a:cubicBezTo>
                  <a:pt x="2421537" y="4339802"/>
                  <a:pt x="1523291" y="5493750"/>
                  <a:pt x="286165" y="5878536"/>
                </a:cubicBezTo>
                <a:lnTo>
                  <a:pt x="0" y="5952116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err="1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9576CEE0-540D-4E69-8BDC-C0B2C833210C}"/>
              </a:ext>
            </a:extLst>
          </p:cNvPr>
          <p:cNvSpPr/>
          <p:nvPr userDrawn="1"/>
        </p:nvSpPr>
        <p:spPr>
          <a:xfrm>
            <a:off x="4923264" y="3986516"/>
            <a:ext cx="2389641" cy="2399947"/>
          </a:xfrm>
          <a:custGeom>
            <a:avLst/>
            <a:gdLst>
              <a:gd name="connsiteX0" fmla="*/ 0 w 2389641"/>
              <a:gd name="connsiteY0" fmla="*/ 0 h 2399947"/>
              <a:gd name="connsiteX1" fmla="*/ 2389641 w 2389641"/>
              <a:gd name="connsiteY1" fmla="*/ 0 h 2399947"/>
              <a:gd name="connsiteX2" fmla="*/ 2389641 w 2389641"/>
              <a:gd name="connsiteY2" fmla="*/ 2399947 h 2399947"/>
              <a:gd name="connsiteX3" fmla="*/ 2355861 w 2389641"/>
              <a:gd name="connsiteY3" fmla="*/ 2392916 h 2399947"/>
              <a:gd name="connsiteX4" fmla="*/ 651080 w 2389641"/>
              <a:gd name="connsiteY4" fmla="*/ 1353668 h 2399947"/>
              <a:gd name="connsiteX5" fmla="*/ 4180 w 2389641"/>
              <a:gd name="connsiteY5" fmla="*/ 21935 h 2399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389641" h="2399947">
                <a:moveTo>
                  <a:pt x="0" y="0"/>
                </a:moveTo>
                <a:lnTo>
                  <a:pt x="2389641" y="0"/>
                </a:lnTo>
                <a:lnTo>
                  <a:pt x="2389641" y="2399947"/>
                </a:lnTo>
                <a:lnTo>
                  <a:pt x="2355861" y="2392916"/>
                </a:lnTo>
                <a:cubicBezTo>
                  <a:pt x="2139676" y="2345534"/>
                  <a:pt x="1261124" y="2112688"/>
                  <a:pt x="651080" y="1353668"/>
                </a:cubicBezTo>
                <a:cubicBezTo>
                  <a:pt x="179067" y="766281"/>
                  <a:pt x="35645" y="178891"/>
                  <a:pt x="4180" y="21935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err="1"/>
          </a:p>
        </p:txBody>
      </p:sp>
      <p:sp>
        <p:nvSpPr>
          <p:cNvPr id="23" name="Freeform: Shape 22">
            <a:extLst>
              <a:ext uri="{FF2B5EF4-FFF2-40B4-BE49-F238E27FC236}">
                <a16:creationId xmlns:a16="http://schemas.microsoft.com/office/drawing/2014/main" id="{23FB9329-5CFA-4B5F-93D3-16D41B7D7D52}"/>
              </a:ext>
            </a:extLst>
          </p:cNvPr>
          <p:cNvSpPr/>
          <p:nvPr userDrawn="1"/>
        </p:nvSpPr>
        <p:spPr>
          <a:xfrm>
            <a:off x="7288224" y="5188267"/>
            <a:ext cx="1221618" cy="1250541"/>
          </a:xfrm>
          <a:custGeom>
            <a:avLst/>
            <a:gdLst>
              <a:gd name="connsiteX0" fmla="*/ 0 w 1221618"/>
              <a:gd name="connsiteY0" fmla="*/ 0 h 1250541"/>
              <a:gd name="connsiteX1" fmla="*/ 1221618 w 1221618"/>
              <a:gd name="connsiteY1" fmla="*/ 0 h 1250541"/>
              <a:gd name="connsiteX2" fmla="*/ 1221618 w 1221618"/>
              <a:gd name="connsiteY2" fmla="*/ 1187475 h 1250541"/>
              <a:gd name="connsiteX3" fmla="*/ 1209592 w 1221618"/>
              <a:gd name="connsiteY3" fmla="*/ 1189947 h 1250541"/>
              <a:gd name="connsiteX4" fmla="*/ 615527 w 1221618"/>
              <a:gd name="connsiteY4" fmla="*/ 1250541 h 1250541"/>
              <a:gd name="connsiteX5" fmla="*/ 0 w 1221618"/>
              <a:gd name="connsiteY5" fmla="*/ 1195294 h 12505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1618" h="1250541">
                <a:moveTo>
                  <a:pt x="0" y="0"/>
                </a:moveTo>
                <a:lnTo>
                  <a:pt x="1221618" y="0"/>
                </a:lnTo>
                <a:lnTo>
                  <a:pt x="1221618" y="1187475"/>
                </a:lnTo>
                <a:lnTo>
                  <a:pt x="1209592" y="1189947"/>
                </a:lnTo>
                <a:cubicBezTo>
                  <a:pt x="1116341" y="1208453"/>
                  <a:pt x="876452" y="1250541"/>
                  <a:pt x="615527" y="1250541"/>
                </a:cubicBezTo>
                <a:cubicBezTo>
                  <a:pt x="332413" y="1250541"/>
                  <a:pt x="57648" y="1205317"/>
                  <a:pt x="0" y="1195294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err="1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C650A837-4C8A-4181-9D23-2BF8AE28D468}"/>
              </a:ext>
            </a:extLst>
          </p:cNvPr>
          <p:cNvSpPr/>
          <p:nvPr userDrawn="1"/>
        </p:nvSpPr>
        <p:spPr>
          <a:xfrm>
            <a:off x="7288224" y="3987219"/>
            <a:ext cx="1221619" cy="1206037"/>
          </a:xfrm>
          <a:custGeom>
            <a:avLst/>
            <a:gdLst>
              <a:gd name="connsiteX0" fmla="*/ 0 w 1221619"/>
              <a:gd name="connsiteY0" fmla="*/ 0 h 1206037"/>
              <a:gd name="connsiteX1" fmla="*/ 1221619 w 1221619"/>
              <a:gd name="connsiteY1" fmla="*/ 0 h 1206037"/>
              <a:gd name="connsiteX2" fmla="*/ 1221619 w 1221619"/>
              <a:gd name="connsiteY2" fmla="*/ 1206037 h 1206037"/>
              <a:gd name="connsiteX3" fmla="*/ 0 w 1221619"/>
              <a:gd name="connsiteY3" fmla="*/ 1206037 h 120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21619" h="1206037">
                <a:moveTo>
                  <a:pt x="0" y="0"/>
                </a:moveTo>
                <a:lnTo>
                  <a:pt x="1221619" y="0"/>
                </a:lnTo>
                <a:lnTo>
                  <a:pt x="1221619" y="1206037"/>
                </a:lnTo>
                <a:lnTo>
                  <a:pt x="0" y="1206037"/>
                </a:lnTo>
                <a:close/>
              </a:path>
            </a:pathLst>
          </a:custGeom>
          <a:solidFill>
            <a:srgbClr val="D9E1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err="1"/>
          </a:p>
        </p:txBody>
      </p:sp>
      <p:sp>
        <p:nvSpPr>
          <p:cNvPr id="89" name="Picture Placeholder 88">
            <a:extLst>
              <a:ext uri="{FF2B5EF4-FFF2-40B4-BE49-F238E27FC236}">
                <a16:creationId xmlns:a16="http://schemas.microsoft.com/office/drawing/2014/main" id="{F1A501EE-E0A8-4DA8-BBDC-5674570D3640}"/>
              </a:ext>
            </a:extLst>
          </p:cNvPr>
          <p:cNvSpPr>
            <a:spLocks noGrp="1"/>
          </p:cNvSpPr>
          <p:nvPr userDrawn="1">
            <p:ph type="pic" sz="quarter" idx="21" hasCustomPrompt="1"/>
          </p:nvPr>
        </p:nvSpPr>
        <p:spPr>
          <a:xfrm>
            <a:off x="4871163" y="392421"/>
            <a:ext cx="3641855" cy="3594106"/>
          </a:xfrm>
          <a:custGeom>
            <a:avLst/>
            <a:gdLst>
              <a:gd name="connsiteX0" fmla="*/ 2870276 w 3437021"/>
              <a:gd name="connsiteY0" fmla="*/ 7 h 3394979"/>
              <a:gd name="connsiteX1" fmla="*/ 3429147 w 3437021"/>
              <a:gd name="connsiteY1" fmla="*/ 52193 h 3394979"/>
              <a:gd name="connsiteX2" fmla="*/ 3437021 w 3437021"/>
              <a:gd name="connsiteY2" fmla="*/ 53923 h 3394979"/>
              <a:gd name="connsiteX3" fmla="*/ 3437021 w 3437021"/>
              <a:gd name="connsiteY3" fmla="*/ 3394979 h 3394979"/>
              <a:gd name="connsiteX4" fmla="*/ 46548 w 3437021"/>
              <a:gd name="connsiteY4" fmla="*/ 3394979 h 3394979"/>
              <a:gd name="connsiteX5" fmla="*/ 40083 w 3437021"/>
              <a:gd name="connsiteY5" fmla="*/ 3362294 h 3394979"/>
              <a:gd name="connsiteX6" fmla="*/ 714251 w 3437021"/>
              <a:gd name="connsiteY6" fmla="*/ 963965 h 3394979"/>
              <a:gd name="connsiteX7" fmla="*/ 2527495 w 3437021"/>
              <a:gd name="connsiteY7" fmla="*/ 19847 h 3394979"/>
              <a:gd name="connsiteX8" fmla="*/ 2870276 w 3437021"/>
              <a:gd name="connsiteY8" fmla="*/ 7 h 3394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437021" h="3394979">
                <a:moveTo>
                  <a:pt x="2870276" y="7"/>
                </a:moveTo>
                <a:cubicBezTo>
                  <a:pt x="3145925" y="-549"/>
                  <a:pt x="3350762" y="35787"/>
                  <a:pt x="3429147" y="52193"/>
                </a:cubicBezTo>
                <a:lnTo>
                  <a:pt x="3437021" y="53923"/>
                </a:lnTo>
                <a:lnTo>
                  <a:pt x="3437021" y="3394979"/>
                </a:lnTo>
                <a:lnTo>
                  <a:pt x="46548" y="3394979"/>
                </a:lnTo>
                <a:lnTo>
                  <a:pt x="40083" y="3362294"/>
                </a:lnTo>
                <a:cubicBezTo>
                  <a:pt x="-4627" y="3119390"/>
                  <a:pt x="-162537" y="1947142"/>
                  <a:pt x="714251" y="963965"/>
                </a:cubicBezTo>
                <a:cubicBezTo>
                  <a:pt x="1318666" y="286034"/>
                  <a:pt x="2033847" y="76341"/>
                  <a:pt x="2527495" y="19847"/>
                </a:cubicBezTo>
                <a:cubicBezTo>
                  <a:pt x="2649981" y="5786"/>
                  <a:pt x="2765267" y="219"/>
                  <a:pt x="2870276" y="7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936000" anchor="ctr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/>
              <a:t>Click here and insert image </a:t>
            </a:r>
            <a:br>
              <a:rPr lang="en-GB"/>
            </a:br>
            <a:r>
              <a:rPr lang="en-GB"/>
              <a:t>via Templafy, Images</a:t>
            </a:r>
          </a:p>
        </p:txBody>
      </p:sp>
    </p:spTree>
    <p:extLst>
      <p:ext uri="{BB962C8B-B14F-4D97-AF65-F5344CB8AC3E}">
        <p14:creationId xmlns:p14="http://schemas.microsoft.com/office/powerpoint/2010/main" val="31729080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C64976C-D297-4093-9A04-09D1D7A3A0D7}"/>
              </a:ext>
            </a:extLst>
          </p:cNvPr>
          <p:cNvSpPr/>
          <p:nvPr userDrawn="1"/>
        </p:nvSpPr>
        <p:spPr>
          <a:xfrm>
            <a:off x="8631936" y="377952"/>
            <a:ext cx="3560064" cy="56570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43CDD21F-CD46-4CEC-ABDA-2D06D110FEB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 bwMode="ltGray">
          <a:xfrm>
            <a:off x="0" y="0"/>
            <a:ext cx="12192000" cy="6858000"/>
          </a:xfrm>
          <a:custGeom>
            <a:avLst/>
            <a:gdLst>
              <a:gd name="connsiteX0" fmla="*/ 11144061 w 12192000"/>
              <a:gd name="connsiteY0" fmla="*/ 5043052 h 6858000"/>
              <a:gd name="connsiteX1" fmla="*/ 12192000 w 12192000"/>
              <a:gd name="connsiteY1" fmla="*/ 5043052 h 6858000"/>
              <a:gd name="connsiteX2" fmla="*/ 12192000 w 12192000"/>
              <a:gd name="connsiteY2" fmla="*/ 6057492 h 6858000"/>
              <a:gd name="connsiteX3" fmla="*/ 12182248 w 12192000"/>
              <a:gd name="connsiteY3" fmla="*/ 6059486 h 6858000"/>
              <a:gd name="connsiteX4" fmla="*/ 11672364 w 12192000"/>
              <a:gd name="connsiteY4" fmla="*/ 6111219 h 6858000"/>
              <a:gd name="connsiteX5" fmla="*/ 11144061 w 12192000"/>
              <a:gd name="connsiteY5" fmla="*/ 6064054 h 6858000"/>
              <a:gd name="connsiteX6" fmla="*/ 11144061 w 12192000"/>
              <a:gd name="connsiteY6" fmla="*/ 3948064 h 6858000"/>
              <a:gd name="connsiteX7" fmla="*/ 12192000 w 12192000"/>
              <a:gd name="connsiteY7" fmla="*/ 3948064 h 6858000"/>
              <a:gd name="connsiteX8" fmla="*/ 12192000 w 12192000"/>
              <a:gd name="connsiteY8" fmla="*/ 5019700 h 6858000"/>
              <a:gd name="connsiteX9" fmla="*/ 11144061 w 12192000"/>
              <a:gd name="connsiteY9" fmla="*/ 5019700 h 6858000"/>
              <a:gd name="connsiteX10" fmla="*/ 9018537 w 12192000"/>
              <a:gd name="connsiteY10" fmla="*/ 3948064 h 6858000"/>
              <a:gd name="connsiteX11" fmla="*/ 11120709 w 12192000"/>
              <a:gd name="connsiteY11" fmla="*/ 3948064 h 6858000"/>
              <a:gd name="connsiteX12" fmla="*/ 11120709 w 12192000"/>
              <a:gd name="connsiteY12" fmla="*/ 5019700 h 6858000"/>
              <a:gd name="connsiteX13" fmla="*/ 11120709 w 12192000"/>
              <a:gd name="connsiteY13" fmla="*/ 6059892 h 6858000"/>
              <a:gd name="connsiteX14" fmla="*/ 9591518 w 12192000"/>
              <a:gd name="connsiteY14" fmla="*/ 5140158 h 6858000"/>
              <a:gd name="connsiteX15" fmla="*/ 9022639 w 12192000"/>
              <a:gd name="connsiteY15" fmla="*/ 3969576 h 6858000"/>
              <a:gd name="connsiteX16" fmla="*/ 11659988 w 12192000"/>
              <a:gd name="connsiteY16" fmla="*/ 740227 h 6858000"/>
              <a:gd name="connsiteX17" fmla="*/ 12172464 w 12192000"/>
              <a:gd name="connsiteY17" fmla="*/ 786818 h 6858000"/>
              <a:gd name="connsiteX18" fmla="*/ 12192000 w 12192000"/>
              <a:gd name="connsiteY18" fmla="*/ 791020 h 6858000"/>
              <a:gd name="connsiteX19" fmla="*/ 12192000 w 12192000"/>
              <a:gd name="connsiteY19" fmla="*/ 3924019 h 6858000"/>
              <a:gd name="connsiteX20" fmla="*/ 11144061 w 12192000"/>
              <a:gd name="connsiteY20" fmla="*/ 3924019 h 6858000"/>
              <a:gd name="connsiteX21" fmla="*/ 11120940 w 12192000"/>
              <a:gd name="connsiteY21" fmla="*/ 3924019 h 6858000"/>
              <a:gd name="connsiteX22" fmla="*/ 9014017 w 12192000"/>
              <a:gd name="connsiteY22" fmla="*/ 3924019 h 6858000"/>
              <a:gd name="connsiteX23" fmla="*/ 9007590 w 12192000"/>
              <a:gd name="connsiteY23" fmla="*/ 3891337 h 6858000"/>
              <a:gd name="connsiteX24" fmla="*/ 9639378 w 12192000"/>
              <a:gd name="connsiteY24" fmla="*/ 1643643 h 6858000"/>
              <a:gd name="connsiteX25" fmla="*/ 11338735 w 12192000"/>
              <a:gd name="connsiteY25" fmla="*/ 758821 h 6858000"/>
              <a:gd name="connsiteX26" fmla="*/ 11659988 w 12192000"/>
              <a:gd name="connsiteY26" fmla="*/ 740227 h 6858000"/>
              <a:gd name="connsiteX27" fmla="*/ 0 w 12192000"/>
              <a:gd name="connsiteY27" fmla="*/ 0 h 6858000"/>
              <a:gd name="connsiteX28" fmla="*/ 12192000 w 12192000"/>
              <a:gd name="connsiteY28" fmla="*/ 0 h 6858000"/>
              <a:gd name="connsiteX29" fmla="*/ 12192000 w 12192000"/>
              <a:gd name="connsiteY29" fmla="*/ 178724 h 6858000"/>
              <a:gd name="connsiteX30" fmla="*/ 12192000 w 12192000"/>
              <a:gd name="connsiteY30" fmla="*/ 377825 h 6858000"/>
              <a:gd name="connsiteX31" fmla="*/ 12192000 w 12192000"/>
              <a:gd name="connsiteY31" fmla="*/ 767627 h 6858000"/>
              <a:gd name="connsiteX32" fmla="*/ 12153423 w 12192000"/>
              <a:gd name="connsiteY32" fmla="*/ 759796 h 6858000"/>
              <a:gd name="connsiteX33" fmla="*/ 11336885 w 12192000"/>
              <a:gd name="connsiteY33" fmla="*/ 735931 h 6858000"/>
              <a:gd name="connsiteX34" fmla="*/ 9622037 w 12192000"/>
              <a:gd name="connsiteY34" fmla="*/ 1628383 h 6858000"/>
              <a:gd name="connsiteX35" fmla="*/ 8990252 w 12192000"/>
              <a:gd name="connsiteY35" fmla="*/ 3922626 h 6858000"/>
              <a:gd name="connsiteX36" fmla="*/ 8993369 w 12192000"/>
              <a:gd name="connsiteY36" fmla="*/ 3937040 h 6858000"/>
              <a:gd name="connsiteX37" fmla="*/ 8993391 w 12192000"/>
              <a:gd name="connsiteY37" fmla="*/ 3937198 h 6858000"/>
              <a:gd name="connsiteX38" fmla="*/ 9573715 w 12192000"/>
              <a:gd name="connsiteY38" fmla="*/ 5154494 h 6858000"/>
              <a:gd name="connsiteX39" fmla="*/ 11118437 w 12192000"/>
              <a:gd name="connsiteY39" fmla="*/ 6082827 h 6858000"/>
              <a:gd name="connsiteX40" fmla="*/ 11121105 w 12192000"/>
              <a:gd name="connsiteY40" fmla="*/ 6083322 h 6858000"/>
              <a:gd name="connsiteX41" fmla="*/ 11130188 w 12192000"/>
              <a:gd name="connsiteY41" fmla="*/ 6085093 h 6858000"/>
              <a:gd name="connsiteX42" fmla="*/ 11672133 w 12192000"/>
              <a:gd name="connsiteY42" fmla="*/ 6134341 h 6858000"/>
              <a:gd name="connsiteX43" fmla="*/ 12175860 w 12192000"/>
              <a:gd name="connsiteY43" fmla="*/ 6084205 h 6858000"/>
              <a:gd name="connsiteX44" fmla="*/ 12192000 w 12192000"/>
              <a:gd name="connsiteY44" fmla="*/ 6080954 h 6858000"/>
              <a:gd name="connsiteX45" fmla="*/ 12192000 w 12192000"/>
              <a:gd name="connsiteY45" fmla="*/ 6304887 h 6858000"/>
              <a:gd name="connsiteX46" fmla="*/ 12192000 w 12192000"/>
              <a:gd name="connsiteY46" fmla="*/ 6477924 h 6858000"/>
              <a:gd name="connsiteX47" fmla="*/ 12192000 w 12192000"/>
              <a:gd name="connsiteY47" fmla="*/ 6858000 h 6858000"/>
              <a:gd name="connsiteX48" fmla="*/ 0 w 12192000"/>
              <a:gd name="connsiteY48" fmla="*/ 6858000 h 6858000"/>
              <a:gd name="connsiteX49" fmla="*/ 0 w 12192000"/>
              <a:gd name="connsiteY49" fmla="*/ 6477924 h 6858000"/>
              <a:gd name="connsiteX50" fmla="*/ 0 w 12192000"/>
              <a:gd name="connsiteY50" fmla="*/ 6304887 h 6858000"/>
              <a:gd name="connsiteX51" fmla="*/ 0 w 12192000"/>
              <a:gd name="connsiteY51" fmla="*/ 377825 h 6858000"/>
              <a:gd name="connsiteX52" fmla="*/ 0 w 12192000"/>
              <a:gd name="connsiteY52" fmla="*/ 17872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</a:cxnLst>
            <a:rect l="l" t="t" r="r" b="b"/>
            <a:pathLst>
              <a:path w="12192000" h="6858000">
                <a:moveTo>
                  <a:pt x="11144061" y="5043052"/>
                </a:moveTo>
                <a:lnTo>
                  <a:pt x="12192000" y="5043052"/>
                </a:lnTo>
                <a:lnTo>
                  <a:pt x="12192000" y="6057492"/>
                </a:lnTo>
                <a:lnTo>
                  <a:pt x="12182248" y="6059486"/>
                </a:lnTo>
                <a:cubicBezTo>
                  <a:pt x="12102211" y="6075285"/>
                  <a:pt x="11896316" y="6111219"/>
                  <a:pt x="11672364" y="6111219"/>
                </a:cubicBezTo>
                <a:cubicBezTo>
                  <a:pt x="11429368" y="6111219"/>
                  <a:pt x="11193538" y="6072609"/>
                  <a:pt x="11144061" y="6064054"/>
                </a:cubicBezTo>
                <a:close/>
                <a:moveTo>
                  <a:pt x="11144061" y="3948064"/>
                </a:moveTo>
                <a:lnTo>
                  <a:pt x="12192000" y="3948064"/>
                </a:lnTo>
                <a:lnTo>
                  <a:pt x="12192000" y="5019700"/>
                </a:lnTo>
                <a:lnTo>
                  <a:pt x="11144061" y="5019700"/>
                </a:lnTo>
                <a:close/>
                <a:moveTo>
                  <a:pt x="9018537" y="3948064"/>
                </a:moveTo>
                <a:lnTo>
                  <a:pt x="11120709" y="3948064"/>
                </a:lnTo>
                <a:lnTo>
                  <a:pt x="11120709" y="5019700"/>
                </a:lnTo>
                <a:lnTo>
                  <a:pt x="11120709" y="6059892"/>
                </a:lnTo>
                <a:cubicBezTo>
                  <a:pt x="11004644" y="6037235"/>
                  <a:pt x="10163751" y="5851808"/>
                  <a:pt x="9591518" y="5140158"/>
                </a:cubicBezTo>
                <a:cubicBezTo>
                  <a:pt x="9176433" y="4623848"/>
                  <a:pt x="9050309" y="4107538"/>
                  <a:pt x="9022639" y="3969576"/>
                </a:cubicBezTo>
                <a:close/>
                <a:moveTo>
                  <a:pt x="11659988" y="740227"/>
                </a:moveTo>
                <a:cubicBezTo>
                  <a:pt x="11906023" y="739731"/>
                  <a:pt x="12091863" y="770595"/>
                  <a:pt x="12172464" y="786818"/>
                </a:cubicBezTo>
                <a:lnTo>
                  <a:pt x="12192000" y="791020"/>
                </a:lnTo>
                <a:lnTo>
                  <a:pt x="12192000" y="3924019"/>
                </a:lnTo>
                <a:lnTo>
                  <a:pt x="11144061" y="3924019"/>
                </a:lnTo>
                <a:lnTo>
                  <a:pt x="11120940" y="3924019"/>
                </a:lnTo>
                <a:lnTo>
                  <a:pt x="9014017" y="3924019"/>
                </a:lnTo>
                <a:lnTo>
                  <a:pt x="9007590" y="3891337"/>
                </a:lnTo>
                <a:cubicBezTo>
                  <a:pt x="8965852" y="3663689"/>
                  <a:pt x="8817661" y="2565068"/>
                  <a:pt x="9639378" y="1643643"/>
                </a:cubicBezTo>
                <a:cubicBezTo>
                  <a:pt x="10205830" y="1008291"/>
                  <a:pt x="10876093" y="811767"/>
                  <a:pt x="11338735" y="758821"/>
                </a:cubicBezTo>
                <a:cubicBezTo>
                  <a:pt x="11453529" y="745643"/>
                  <a:pt x="11561574" y="740426"/>
                  <a:pt x="11659988" y="740227"/>
                </a:cubicBez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78724"/>
                </a:lnTo>
                <a:lnTo>
                  <a:pt x="12192000" y="377825"/>
                </a:lnTo>
                <a:lnTo>
                  <a:pt x="12192000" y="767627"/>
                </a:lnTo>
                <a:lnTo>
                  <a:pt x="12153423" y="759796"/>
                </a:lnTo>
                <a:cubicBezTo>
                  <a:pt x="12022481" y="735324"/>
                  <a:pt x="11716294" y="692581"/>
                  <a:pt x="11336885" y="735931"/>
                </a:cubicBezTo>
                <a:cubicBezTo>
                  <a:pt x="10870083" y="789109"/>
                  <a:pt x="10193808" y="987252"/>
                  <a:pt x="9622037" y="1628383"/>
                </a:cubicBezTo>
                <a:cubicBezTo>
                  <a:pt x="8755018" y="2600745"/>
                  <a:pt x="8958903" y="3769812"/>
                  <a:pt x="8990252" y="3922626"/>
                </a:cubicBezTo>
                <a:lnTo>
                  <a:pt x="8993369" y="3937040"/>
                </a:lnTo>
                <a:lnTo>
                  <a:pt x="8993391" y="3937198"/>
                </a:lnTo>
                <a:cubicBezTo>
                  <a:pt x="8994315" y="3943209"/>
                  <a:pt x="9087029" y="4549198"/>
                  <a:pt x="9573715" y="5154494"/>
                </a:cubicBezTo>
                <a:cubicBezTo>
                  <a:pt x="10153534" y="5875637"/>
                  <a:pt x="11006464" y="6061125"/>
                  <a:pt x="11118437" y="6082827"/>
                </a:cubicBezTo>
                <a:lnTo>
                  <a:pt x="11121105" y="6083322"/>
                </a:lnTo>
                <a:lnTo>
                  <a:pt x="11130188" y="6085093"/>
                </a:lnTo>
                <a:cubicBezTo>
                  <a:pt x="11132963" y="6085557"/>
                  <a:pt x="11397924" y="6134341"/>
                  <a:pt x="11672133" y="6134341"/>
                </a:cubicBezTo>
                <a:cubicBezTo>
                  <a:pt x="11888715" y="6134341"/>
                  <a:pt x="12088519" y="6101047"/>
                  <a:pt x="12175860" y="6084205"/>
                </a:cubicBezTo>
                <a:lnTo>
                  <a:pt x="12192000" y="6080954"/>
                </a:lnTo>
                <a:lnTo>
                  <a:pt x="12192000" y="6304887"/>
                </a:lnTo>
                <a:lnTo>
                  <a:pt x="12192000" y="6477924"/>
                </a:lnTo>
                <a:lnTo>
                  <a:pt x="12192000" y="6858000"/>
                </a:lnTo>
                <a:lnTo>
                  <a:pt x="0" y="6858000"/>
                </a:lnTo>
                <a:lnTo>
                  <a:pt x="0" y="6477924"/>
                </a:lnTo>
                <a:lnTo>
                  <a:pt x="0" y="6304887"/>
                </a:lnTo>
                <a:lnTo>
                  <a:pt x="0" y="377825"/>
                </a:lnTo>
                <a:lnTo>
                  <a:pt x="0" y="178724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2A1FAC4C-2447-47DA-AAB4-9EAC400B815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39749" y="1798637"/>
            <a:ext cx="5064638" cy="1711325"/>
          </a:xfrm>
        </p:spPr>
        <p:txBody>
          <a:bodyPr anchor="b"/>
          <a:lstStyle>
            <a:lvl1pPr algn="l"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B4DBC4B-7E16-45D0-B72A-99EBDFD16699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723B10B-2CBF-7847-B761-F492F00EE89B}" type="datetime6">
              <a:rPr lang="en-IN" smtClean="0"/>
              <a:t>March 23</a:t>
            </a:fld>
            <a:endParaRPr lang="en-GB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3297A132-C2EE-4CE3-8B75-B1FDFF50D4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E1304FA1-E0F5-4AD4-846A-37642FFE48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244750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0AD9C5-8076-FB2B-04D3-7F03CA0AA4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814072-BE43-849B-1D7D-A049D41A41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13BF3E-D74E-F1DE-9464-4E5F053B1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A884FD-C99C-BBB0-F9F1-303BE3D40F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6EE2D6-1B38-009E-687C-54FF581F6B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44591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9FD843-A406-C680-7B00-288916DC87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E961C49-AAF5-0E60-E9C5-D02BA65539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A83B9B-1493-B5B3-8789-5EC4CA52F0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34341C-E0D5-767F-0B55-C206FDD44E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BAD549D-967C-259A-6E1E-FCDE6346DE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64518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A423E0-041B-2B35-D068-D423AFF569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E052E2-FF77-06DE-88D7-D45048F4E52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486888-618A-DD83-D4CF-E3290DADBB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505D3E8-5117-4244-6BC1-9CFD22FBB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2B56D5-274B-9FA5-CB6F-119A6FBE60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B27A115-4807-911D-192B-B27258FC6D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89347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04D7A0-A58C-D3AB-C025-A4F5A2163F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035080-05BF-E301-4944-484D9964BF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605583-E03D-5587-083D-0F7A632E04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A3027F-74FA-EB54-9C84-6181202C462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43D9E99-440B-43A2-9395-C61CAD56AEE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023B703-35AE-A50A-5733-DF76DAAB1E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4ACF1F8-D95D-76CF-65EB-74F35C5DF5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EAFE3F9-70CE-C603-61BF-B6AEE63B80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91316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D0670E-1DF5-FA48-BD0A-FCB51C594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35D8025-7634-B2C8-9C38-C1ED6244B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E5D4EE-DE37-0526-1B52-FA4E81F95F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2F51EA3-661E-2EC7-779B-F8136F1A9E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99714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1DF598-1EEB-B9D7-B4EA-2B8826D23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66F6E73-2048-B6BF-5B14-92251A8870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FA3E1F5-FC96-3D8E-DA26-FCC5FD4C65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142855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F94A72-5E26-7B4A-24E9-D8279EA022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FC21C9-7FDB-66D8-616F-8989F00A79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51E72A9-C0B2-C7AC-6E62-03934EB60A3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F9BDFB-A698-6441-D473-18DB7DD59A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9ED2D4-B30D-D159-1738-9674FD2009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495C10-89E1-13E6-35AA-02A6415E23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7598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81545-48E6-5872-221C-16D4AB2286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5FB9F41-0B7C-F73B-EEF4-CE9E2B6FF80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4BDA58E-5A7C-C3F3-C04D-82B715D2921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F355541-E249-1218-0CB6-CAB90855DE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2DD869-7230-5DAC-B70A-67BB53819F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147762F-0E69-28C8-D907-24211D7C30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34263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4FA552-0CA4-41B9-9316-C3A5CB5C22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3AB4583-F9F1-49E7-8C87-0DFB73F2145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E2274A-059C-F8D6-80AE-130632BA11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92478EC-4A7E-A843-A45A-85357764E7D2}" type="datetimeFigureOut">
              <a:rPr lang="en-US" smtClean="0"/>
              <a:t>3/22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3F3478-1E6F-8D1A-59EB-1256EB2B22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924603-1DEF-665A-4A7B-27D2217BD1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E9EA50-54B5-734B-897F-EA8DA4853B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63915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0.xml"/><Relationship Id="rId5" Type="http://schemas.openxmlformats.org/officeDocument/2006/relationships/image" Target="../media/image4.bin"/><Relationship Id="rId4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customXml" Target="../ink/ink28.xml"/><Relationship Id="rId13" Type="http://schemas.openxmlformats.org/officeDocument/2006/relationships/image" Target="../media/image16.png"/><Relationship Id="rId18" Type="http://schemas.openxmlformats.org/officeDocument/2006/relationships/customXml" Target="../ink/ink33.xml"/><Relationship Id="rId3" Type="http://schemas.openxmlformats.org/officeDocument/2006/relationships/image" Target="../media/image11.png"/><Relationship Id="rId7" Type="http://schemas.openxmlformats.org/officeDocument/2006/relationships/image" Target="../media/image13.png"/><Relationship Id="rId12" Type="http://schemas.openxmlformats.org/officeDocument/2006/relationships/customXml" Target="../ink/ink30.xml"/><Relationship Id="rId17" Type="http://schemas.openxmlformats.org/officeDocument/2006/relationships/image" Target="../media/image18.png"/><Relationship Id="rId2" Type="http://schemas.openxmlformats.org/officeDocument/2006/relationships/customXml" Target="../ink/ink25.xml"/><Relationship Id="rId16" Type="http://schemas.openxmlformats.org/officeDocument/2006/relationships/customXml" Target="../ink/ink32.xml"/><Relationship Id="rId20" Type="http://schemas.openxmlformats.org/officeDocument/2006/relationships/image" Target="../media/image23.png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27.xml"/><Relationship Id="rId11" Type="http://schemas.openxmlformats.org/officeDocument/2006/relationships/image" Target="../media/image15.png"/><Relationship Id="rId5" Type="http://schemas.openxmlformats.org/officeDocument/2006/relationships/image" Target="../media/image12.png"/><Relationship Id="rId15" Type="http://schemas.openxmlformats.org/officeDocument/2006/relationships/image" Target="../media/image17.png"/><Relationship Id="rId10" Type="http://schemas.openxmlformats.org/officeDocument/2006/relationships/customXml" Target="../ink/ink29.xml"/><Relationship Id="rId19" Type="http://schemas.openxmlformats.org/officeDocument/2006/relationships/image" Target="../media/image19.png"/><Relationship Id="rId4" Type="http://schemas.openxmlformats.org/officeDocument/2006/relationships/customXml" Target="../ink/ink26.xml"/><Relationship Id="rId9" Type="http://schemas.openxmlformats.org/officeDocument/2006/relationships/image" Target="../media/image14.png"/><Relationship Id="rId14" Type="http://schemas.openxmlformats.org/officeDocument/2006/relationships/customXml" Target="../ink/ink3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customXml" Target="../ink/ink37.xml"/><Relationship Id="rId13" Type="http://schemas.openxmlformats.org/officeDocument/2006/relationships/image" Target="../media/image16.png"/><Relationship Id="rId18" Type="http://schemas.openxmlformats.org/officeDocument/2006/relationships/customXml" Target="../ink/ink42.xml"/><Relationship Id="rId3" Type="http://schemas.openxmlformats.org/officeDocument/2006/relationships/image" Target="../media/image11.png"/><Relationship Id="rId7" Type="http://schemas.openxmlformats.org/officeDocument/2006/relationships/image" Target="../media/image13.png"/><Relationship Id="rId12" Type="http://schemas.openxmlformats.org/officeDocument/2006/relationships/customXml" Target="../ink/ink39.xml"/><Relationship Id="rId17" Type="http://schemas.openxmlformats.org/officeDocument/2006/relationships/image" Target="../media/image18.png"/><Relationship Id="rId2" Type="http://schemas.openxmlformats.org/officeDocument/2006/relationships/customXml" Target="../ink/ink34.xml"/><Relationship Id="rId16" Type="http://schemas.openxmlformats.org/officeDocument/2006/relationships/customXml" Target="../ink/ink41.xml"/><Relationship Id="rId20" Type="http://schemas.openxmlformats.org/officeDocument/2006/relationships/image" Target="../media/image24.png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36.xml"/><Relationship Id="rId11" Type="http://schemas.openxmlformats.org/officeDocument/2006/relationships/image" Target="../media/image15.png"/><Relationship Id="rId5" Type="http://schemas.openxmlformats.org/officeDocument/2006/relationships/image" Target="../media/image12.png"/><Relationship Id="rId15" Type="http://schemas.openxmlformats.org/officeDocument/2006/relationships/image" Target="../media/image17.png"/><Relationship Id="rId10" Type="http://schemas.openxmlformats.org/officeDocument/2006/relationships/customXml" Target="../ink/ink38.xml"/><Relationship Id="rId19" Type="http://schemas.openxmlformats.org/officeDocument/2006/relationships/image" Target="../media/image19.png"/><Relationship Id="rId4" Type="http://schemas.openxmlformats.org/officeDocument/2006/relationships/customXml" Target="../ink/ink35.xml"/><Relationship Id="rId9" Type="http://schemas.openxmlformats.org/officeDocument/2006/relationships/image" Target="../media/image14.png"/><Relationship Id="rId14" Type="http://schemas.openxmlformats.org/officeDocument/2006/relationships/customXml" Target="../ink/ink40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customXml" Target="../ink/ink46.xml"/><Relationship Id="rId13" Type="http://schemas.openxmlformats.org/officeDocument/2006/relationships/image" Target="../media/image16.png"/><Relationship Id="rId18" Type="http://schemas.openxmlformats.org/officeDocument/2006/relationships/customXml" Target="../ink/ink51.xml"/><Relationship Id="rId3" Type="http://schemas.openxmlformats.org/officeDocument/2006/relationships/image" Target="../media/image11.png"/><Relationship Id="rId7" Type="http://schemas.openxmlformats.org/officeDocument/2006/relationships/image" Target="../media/image13.png"/><Relationship Id="rId12" Type="http://schemas.openxmlformats.org/officeDocument/2006/relationships/customXml" Target="../ink/ink48.xml"/><Relationship Id="rId17" Type="http://schemas.openxmlformats.org/officeDocument/2006/relationships/image" Target="../media/image18.png"/><Relationship Id="rId2" Type="http://schemas.openxmlformats.org/officeDocument/2006/relationships/customXml" Target="../ink/ink43.xml"/><Relationship Id="rId16" Type="http://schemas.openxmlformats.org/officeDocument/2006/relationships/customXml" Target="../ink/ink50.xml"/><Relationship Id="rId20" Type="http://schemas.openxmlformats.org/officeDocument/2006/relationships/image" Target="../media/image25.png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45.xml"/><Relationship Id="rId11" Type="http://schemas.openxmlformats.org/officeDocument/2006/relationships/image" Target="../media/image15.png"/><Relationship Id="rId5" Type="http://schemas.openxmlformats.org/officeDocument/2006/relationships/image" Target="../media/image12.png"/><Relationship Id="rId15" Type="http://schemas.openxmlformats.org/officeDocument/2006/relationships/image" Target="../media/image17.png"/><Relationship Id="rId10" Type="http://schemas.openxmlformats.org/officeDocument/2006/relationships/customXml" Target="../ink/ink47.xml"/><Relationship Id="rId19" Type="http://schemas.openxmlformats.org/officeDocument/2006/relationships/image" Target="../media/image19.png"/><Relationship Id="rId4" Type="http://schemas.openxmlformats.org/officeDocument/2006/relationships/customXml" Target="../ink/ink44.xml"/><Relationship Id="rId9" Type="http://schemas.openxmlformats.org/officeDocument/2006/relationships/image" Target="../media/image14.png"/><Relationship Id="rId14" Type="http://schemas.openxmlformats.org/officeDocument/2006/relationships/customXml" Target="../ink/ink49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customXml" Target="../ink/ink55.xml"/><Relationship Id="rId13" Type="http://schemas.openxmlformats.org/officeDocument/2006/relationships/image" Target="../media/image16.png"/><Relationship Id="rId18" Type="http://schemas.openxmlformats.org/officeDocument/2006/relationships/customXml" Target="../ink/ink60.xml"/><Relationship Id="rId3" Type="http://schemas.openxmlformats.org/officeDocument/2006/relationships/image" Target="../media/image11.png"/><Relationship Id="rId7" Type="http://schemas.openxmlformats.org/officeDocument/2006/relationships/image" Target="../media/image13.png"/><Relationship Id="rId12" Type="http://schemas.openxmlformats.org/officeDocument/2006/relationships/customXml" Target="../ink/ink57.xml"/><Relationship Id="rId17" Type="http://schemas.openxmlformats.org/officeDocument/2006/relationships/image" Target="../media/image18.png"/><Relationship Id="rId2" Type="http://schemas.openxmlformats.org/officeDocument/2006/relationships/customXml" Target="../ink/ink52.xml"/><Relationship Id="rId16" Type="http://schemas.openxmlformats.org/officeDocument/2006/relationships/customXml" Target="../ink/ink59.xml"/><Relationship Id="rId20" Type="http://schemas.openxmlformats.org/officeDocument/2006/relationships/image" Target="../media/image26.png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54.xml"/><Relationship Id="rId11" Type="http://schemas.openxmlformats.org/officeDocument/2006/relationships/image" Target="../media/image15.png"/><Relationship Id="rId5" Type="http://schemas.openxmlformats.org/officeDocument/2006/relationships/image" Target="../media/image12.png"/><Relationship Id="rId15" Type="http://schemas.openxmlformats.org/officeDocument/2006/relationships/image" Target="../media/image17.png"/><Relationship Id="rId10" Type="http://schemas.openxmlformats.org/officeDocument/2006/relationships/customXml" Target="../ink/ink56.xml"/><Relationship Id="rId19" Type="http://schemas.openxmlformats.org/officeDocument/2006/relationships/image" Target="../media/image19.png"/><Relationship Id="rId4" Type="http://schemas.openxmlformats.org/officeDocument/2006/relationships/customXml" Target="../ink/ink53.xml"/><Relationship Id="rId9" Type="http://schemas.openxmlformats.org/officeDocument/2006/relationships/image" Target="../media/image14.png"/><Relationship Id="rId14" Type="http://schemas.openxmlformats.org/officeDocument/2006/relationships/customXml" Target="../ink/ink5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3.xml"/><Relationship Id="rId5" Type="http://schemas.openxmlformats.org/officeDocument/2006/relationships/hyperlink" Target="https://www.freecodecamp.org/news/how-to-use-axios-with-react/" TargetMode="External"/><Relationship Id="rId4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31.xml"/><Relationship Id="rId1" Type="http://schemas.openxmlformats.org/officeDocument/2006/relationships/customXml" Target="../../customXml/item32.xml"/><Relationship Id="rId5" Type="http://schemas.openxmlformats.org/officeDocument/2006/relationships/hyperlink" Target="https://app.at.farm/farms" TargetMode="External"/><Relationship Id="rId4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6.xml"/><Relationship Id="rId5" Type="http://schemas.openxmlformats.org/officeDocument/2006/relationships/image" Target="../media/image7.jpeg"/><Relationship Id="rId4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29.xml"/><Relationship Id="rId1" Type="http://schemas.openxmlformats.org/officeDocument/2006/relationships/customXml" Target="../../customXml/item14.xml"/><Relationship Id="rId5" Type="http://schemas.openxmlformats.org/officeDocument/2006/relationships/image" Target="../media/image7.jpeg"/><Relationship Id="rId4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w3schools.com/react/react_usecontext.asp" TargetMode="Externa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27.xml"/><Relationship Id="rId5" Type="http://schemas.openxmlformats.org/officeDocument/2006/relationships/image" Target="../media/image7.jpeg"/><Relationship Id="rId4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8.xml"/><Relationship Id="rId4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8.xml"/><Relationship Id="rId5" Type="http://schemas.openxmlformats.org/officeDocument/2006/relationships/image" Target="../media/image6.jpeg"/><Relationship Id="rId4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11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7.xml"/><Relationship Id="rId5" Type="http://schemas.openxmlformats.org/officeDocument/2006/relationships/image" Target="../media/image7.jpeg"/><Relationship Id="rId4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24.xml"/><Relationship Id="rId4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5.xml"/><Relationship Id="rId5" Type="http://schemas.openxmlformats.org/officeDocument/2006/relationships/image" Target="../media/image7.jpeg"/><Relationship Id="rId4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19.xml"/><Relationship Id="rId5" Type="http://schemas.openxmlformats.org/officeDocument/2006/relationships/image" Target="../media/image8.png"/><Relationship Id="rId4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21.xml"/><Relationship Id="rId4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customXml" Target="../ink/ink3.xml"/><Relationship Id="rId13" Type="http://schemas.openxmlformats.org/officeDocument/2006/relationships/image" Target="../media/image15.png"/><Relationship Id="rId18" Type="http://schemas.openxmlformats.org/officeDocument/2006/relationships/customXml" Target="../ink/ink8.xml"/><Relationship Id="rId3" Type="http://schemas.openxmlformats.org/officeDocument/2006/relationships/image" Target="../media/image10.svg"/><Relationship Id="rId21" Type="http://schemas.openxmlformats.org/officeDocument/2006/relationships/image" Target="../media/image19.png"/><Relationship Id="rId7" Type="http://schemas.openxmlformats.org/officeDocument/2006/relationships/image" Target="../media/image12.png"/><Relationship Id="rId12" Type="http://schemas.openxmlformats.org/officeDocument/2006/relationships/customXml" Target="../ink/ink5.xml"/><Relationship Id="rId17" Type="http://schemas.openxmlformats.org/officeDocument/2006/relationships/image" Target="../media/image17.png"/><Relationship Id="rId2" Type="http://schemas.openxmlformats.org/officeDocument/2006/relationships/image" Target="../media/image9.png"/><Relationship Id="rId16" Type="http://schemas.openxmlformats.org/officeDocument/2006/relationships/customXml" Target="../ink/ink7.xml"/><Relationship Id="rId20" Type="http://schemas.openxmlformats.org/officeDocument/2006/relationships/customXml" Target="../ink/ink9.xml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2.xml"/><Relationship Id="rId11" Type="http://schemas.openxmlformats.org/officeDocument/2006/relationships/image" Target="../media/image14.png"/><Relationship Id="rId5" Type="http://schemas.openxmlformats.org/officeDocument/2006/relationships/image" Target="../media/image11.png"/><Relationship Id="rId15" Type="http://schemas.openxmlformats.org/officeDocument/2006/relationships/image" Target="../media/image16.png"/><Relationship Id="rId10" Type="http://schemas.openxmlformats.org/officeDocument/2006/relationships/customXml" Target="../ink/ink4.xml"/><Relationship Id="rId19" Type="http://schemas.openxmlformats.org/officeDocument/2006/relationships/image" Target="../media/image18.png"/><Relationship Id="rId4" Type="http://schemas.openxmlformats.org/officeDocument/2006/relationships/customXml" Target="../ink/ink1.xml"/><Relationship Id="rId9" Type="http://schemas.openxmlformats.org/officeDocument/2006/relationships/image" Target="../media/image13.png"/><Relationship Id="rId14" Type="http://schemas.openxmlformats.org/officeDocument/2006/relationships/customXml" Target="../ink/ink6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customXml" Target="../ink/ink12.xml"/><Relationship Id="rId3" Type="http://schemas.openxmlformats.org/officeDocument/2006/relationships/tags" Target="../tags/tag5.xml"/><Relationship Id="rId7" Type="http://schemas.openxmlformats.org/officeDocument/2006/relationships/customXml" Target="../ink/ink11.xml"/><Relationship Id="rId12" Type="http://schemas.openxmlformats.org/officeDocument/2006/relationships/image" Target="../media/image20.pn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6" Type="http://schemas.openxmlformats.org/officeDocument/2006/relationships/image" Target="../media/image190.png"/><Relationship Id="rId11" Type="http://schemas.openxmlformats.org/officeDocument/2006/relationships/customXml" Target="../ink/ink15.xml"/><Relationship Id="rId5" Type="http://schemas.openxmlformats.org/officeDocument/2006/relationships/customXml" Target="../ink/ink10.xml"/><Relationship Id="rId10" Type="http://schemas.openxmlformats.org/officeDocument/2006/relationships/customXml" Target="../ink/ink14.xml"/><Relationship Id="rId4" Type="http://schemas.openxmlformats.org/officeDocument/2006/relationships/slideLayout" Target="../slideLayouts/slideLayout6.xml"/><Relationship Id="rId9" Type="http://schemas.openxmlformats.org/officeDocument/2006/relationships/customXml" Target="../ink/ink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25.xml"/><Relationship Id="rId5" Type="http://schemas.openxmlformats.org/officeDocument/2006/relationships/image" Target="../media/image21.png"/><Relationship Id="rId4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customXml" Target="../ink/ink18.xml"/><Relationship Id="rId13" Type="http://schemas.openxmlformats.org/officeDocument/2006/relationships/image" Target="../media/image150.png"/><Relationship Id="rId18" Type="http://schemas.openxmlformats.org/officeDocument/2006/relationships/customXml" Target="../ink/ink23.xml"/><Relationship Id="rId21" Type="http://schemas.openxmlformats.org/officeDocument/2006/relationships/image" Target="../media/image190.png"/><Relationship Id="rId7" Type="http://schemas.openxmlformats.org/officeDocument/2006/relationships/image" Target="../media/image120.png"/><Relationship Id="rId12" Type="http://schemas.openxmlformats.org/officeDocument/2006/relationships/customXml" Target="../ink/ink20.xml"/><Relationship Id="rId17" Type="http://schemas.openxmlformats.org/officeDocument/2006/relationships/image" Target="../media/image170.png"/><Relationship Id="rId2" Type="http://schemas.openxmlformats.org/officeDocument/2006/relationships/customXml" Target="../ink/ink16.xml"/><Relationship Id="rId16" Type="http://schemas.openxmlformats.org/officeDocument/2006/relationships/customXml" Target="../ink/ink22.xml"/><Relationship Id="rId20" Type="http://schemas.openxmlformats.org/officeDocument/2006/relationships/customXml" Target="../ink/ink24.xml"/><Relationship Id="rId1" Type="http://schemas.openxmlformats.org/officeDocument/2006/relationships/slideLayout" Target="../slideLayouts/slideLayout6.xml"/><Relationship Id="rId6" Type="http://schemas.openxmlformats.org/officeDocument/2006/relationships/customXml" Target="../ink/ink17.xml"/><Relationship Id="rId11" Type="http://schemas.openxmlformats.org/officeDocument/2006/relationships/image" Target="../media/image140.png"/><Relationship Id="rId5" Type="http://schemas.openxmlformats.org/officeDocument/2006/relationships/image" Target="../media/image110.png"/><Relationship Id="rId15" Type="http://schemas.openxmlformats.org/officeDocument/2006/relationships/image" Target="../media/image160.png"/><Relationship Id="rId10" Type="http://schemas.openxmlformats.org/officeDocument/2006/relationships/customXml" Target="../ink/ink19.xml"/><Relationship Id="rId19" Type="http://schemas.openxmlformats.org/officeDocument/2006/relationships/image" Target="../media/image180.png"/><Relationship Id="rId9" Type="http://schemas.openxmlformats.org/officeDocument/2006/relationships/image" Target="../media/image130.png"/><Relationship Id="rId14" Type="http://schemas.openxmlformats.org/officeDocument/2006/relationships/customXml" Target="../ink/ink21.xml"/><Relationship Id="rId22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571077-6B00-4EFB-B2AC-99B6853419B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Advanced React Concept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51B7E46-C73C-4AA9-A004-6248C1E32B7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err="1"/>
              <a:t>Pravesh</a:t>
            </a:r>
            <a:r>
              <a:rPr lang="en-US" dirty="0"/>
              <a:t> Choudhary</a:t>
            </a:r>
          </a:p>
          <a:p>
            <a:r>
              <a:rPr lang="en-US" dirty="0"/>
              <a:t>Tech Lead (MXP) at Yara </a:t>
            </a:r>
            <a:r>
              <a:rPr lang="en-US" dirty="0" err="1"/>
              <a:t>AgTech</a:t>
            </a:r>
            <a:endParaRPr lang="en-US" dirty="0"/>
          </a:p>
        </p:txBody>
      </p:sp>
      <p:pic>
        <p:nvPicPr>
          <p:cNvPr id="10" name="Picture Placeholder 9">
            <a:extLst>
              <a:ext uri="{FF2B5EF4-FFF2-40B4-BE49-F238E27FC236}">
                <a16:creationId xmlns:a16="http://schemas.microsoft.com/office/drawing/2014/main" id="{1C5566CA-DF72-4C3E-AEC1-7851EA608557}"/>
              </a:ext>
            </a:extLst>
          </p:cNvPr>
          <p:cNvPicPr>
            <a:picLocks noGrp="1"/>
          </p:cNvPicPr>
          <p:nvPr>
            <p:ph type="pic" sz="quarter" idx="21"/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" b="21"/>
          <a:stretch/>
        </p:blipFill>
        <p:spPr>
          <a:xfrm>
            <a:off x="4871163" y="392421"/>
            <a:ext cx="3641855" cy="3594106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1151342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0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923906" y="485405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617586" y="132353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4827575" y="4985981"/>
                <a:ext cx="2539440" cy="21041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7170455" y="501721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2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3"/>
                <a:stretch>
                  <a:fillRect/>
                </a:stretch>
              </p:blipFill>
              <p:spPr>
                <a:xfrm>
                  <a:off x="4989786" y="500777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477321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18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19"/>
              <a:stretch>
                <a:fillRect/>
              </a:stretch>
            </p:blipFill>
            <p:spPr>
              <a:xfrm>
                <a:off x="6814415" y="-1193149"/>
                <a:ext cx="126000" cy="126000"/>
              </a:xfrm>
              <a:prstGeom prst="rect">
                <a:avLst/>
              </a:prstGeom>
            </p:spPr>
          </p:pic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81EE9EC8-8D51-D7F4-1BD0-41846AD2D294}"/>
              </a:ext>
            </a:extLst>
          </p:cNvPr>
          <p:cNvSpPr txBox="1"/>
          <p:nvPr/>
        </p:nvSpPr>
        <p:spPr>
          <a:xfrm>
            <a:off x="5350506" y="1147872"/>
            <a:ext cx="20070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POST Request body</a:t>
            </a:r>
          </a:p>
        </p:txBody>
      </p:sp>
      <p:pic>
        <p:nvPicPr>
          <p:cNvPr id="6" name="Picture 5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6CA0F4AB-250D-EF2B-A08D-6ADB69DE5983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2482610" y="2194432"/>
            <a:ext cx="7998220" cy="3401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4289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1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923906" y="485405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617586" y="132353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4827575" y="4985981"/>
                <a:ext cx="2539440" cy="21041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7170455" y="501721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2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3"/>
                <a:stretch>
                  <a:fillRect/>
                </a:stretch>
              </p:blipFill>
              <p:spPr>
                <a:xfrm>
                  <a:off x="4989786" y="500777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477321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18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19"/>
              <a:stretch>
                <a:fillRect/>
              </a:stretch>
            </p:blipFill>
            <p:spPr>
              <a:xfrm>
                <a:off x="6814415" y="-1193149"/>
                <a:ext cx="126000" cy="126000"/>
              </a:xfrm>
              <a:prstGeom prst="rect">
                <a:avLst/>
              </a:prstGeom>
            </p:spPr>
          </p:pic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81EE9EC8-8D51-D7F4-1BD0-41846AD2D294}"/>
              </a:ext>
            </a:extLst>
          </p:cNvPr>
          <p:cNvSpPr txBox="1"/>
          <p:nvPr/>
        </p:nvSpPr>
        <p:spPr>
          <a:xfrm>
            <a:off x="5392906" y="160845"/>
            <a:ext cx="148450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POST Request</a:t>
            </a:r>
          </a:p>
        </p:txBody>
      </p:sp>
      <p:pic>
        <p:nvPicPr>
          <p:cNvPr id="12" name="Picture 11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623853BE-A094-45C2-B9E4-65C3A9F55BA8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1860684" y="705328"/>
            <a:ext cx="8855641" cy="5907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91660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2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923906" y="485405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617586" y="132353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4827575" y="4985981"/>
                <a:ext cx="2539440" cy="21041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7170455" y="501721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2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3"/>
                <a:stretch>
                  <a:fillRect/>
                </a:stretch>
              </p:blipFill>
              <p:spPr>
                <a:xfrm>
                  <a:off x="4989786" y="500777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477321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18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19"/>
              <a:stretch>
                <a:fillRect/>
              </a:stretch>
            </p:blipFill>
            <p:spPr>
              <a:xfrm>
                <a:off x="6814415" y="-1193149"/>
                <a:ext cx="126000" cy="126000"/>
              </a:xfrm>
              <a:prstGeom prst="rect">
                <a:avLst/>
              </a:prstGeom>
            </p:spPr>
          </p:pic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81EE9EC8-8D51-D7F4-1BD0-41846AD2D294}"/>
              </a:ext>
            </a:extLst>
          </p:cNvPr>
          <p:cNvSpPr txBox="1"/>
          <p:nvPr/>
        </p:nvSpPr>
        <p:spPr>
          <a:xfrm>
            <a:off x="5392906" y="160845"/>
            <a:ext cx="168648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DELETE Request</a:t>
            </a:r>
          </a:p>
        </p:txBody>
      </p:sp>
      <p:pic>
        <p:nvPicPr>
          <p:cNvPr id="3" name="Picture 2" descr="Text&#10;&#10;Description automatically generated">
            <a:extLst>
              <a:ext uri="{FF2B5EF4-FFF2-40B4-BE49-F238E27FC236}">
                <a16:creationId xmlns:a16="http://schemas.microsoft.com/office/drawing/2014/main" id="{114E4F1A-0E14-86B3-42A3-B525ED7F84E5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430934" y="583074"/>
            <a:ext cx="11134480" cy="58581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41893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3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923906" y="485405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617586" y="132353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4827575" y="4985981"/>
                <a:ext cx="2539440" cy="21041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7170455" y="501721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2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3"/>
                <a:stretch>
                  <a:fillRect/>
                </a:stretch>
              </p:blipFill>
              <p:spPr>
                <a:xfrm>
                  <a:off x="4989786" y="500777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477321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18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19"/>
              <a:stretch>
                <a:fillRect/>
              </a:stretch>
            </p:blipFill>
            <p:spPr>
              <a:xfrm>
                <a:off x="6814415" y="-1193149"/>
                <a:ext cx="126000" cy="126000"/>
              </a:xfrm>
              <a:prstGeom prst="rect">
                <a:avLst/>
              </a:prstGeom>
            </p:spPr>
          </p:pic>
        </mc:Fallback>
      </mc:AlternateContent>
      <p:sp>
        <p:nvSpPr>
          <p:cNvPr id="4" name="TextBox 3">
            <a:extLst>
              <a:ext uri="{FF2B5EF4-FFF2-40B4-BE49-F238E27FC236}">
                <a16:creationId xmlns:a16="http://schemas.microsoft.com/office/drawing/2014/main" id="{81EE9EC8-8D51-D7F4-1BD0-41846AD2D294}"/>
              </a:ext>
            </a:extLst>
          </p:cNvPr>
          <p:cNvSpPr txBox="1"/>
          <p:nvPr/>
        </p:nvSpPr>
        <p:spPr>
          <a:xfrm>
            <a:off x="5392906" y="160845"/>
            <a:ext cx="13755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PUT Request</a:t>
            </a:r>
          </a:p>
        </p:txBody>
      </p:sp>
      <p:pic>
        <p:nvPicPr>
          <p:cNvPr id="6" name="Picture 5" descr="Text&#10;&#10;Description automatically generated">
            <a:extLst>
              <a:ext uri="{FF2B5EF4-FFF2-40B4-BE49-F238E27FC236}">
                <a16:creationId xmlns:a16="http://schemas.microsoft.com/office/drawing/2014/main" id="{EA7161A9-2C41-8738-7890-28688F718957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400307" y="1657391"/>
            <a:ext cx="11391385" cy="40869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820696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3F53180-50F8-F099-EEDA-484D7939AC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20736" y="395997"/>
            <a:ext cx="6876565" cy="1325563"/>
          </a:xfrm>
        </p:spPr>
        <p:txBody>
          <a:bodyPr>
            <a:normAutofit/>
          </a:bodyPr>
          <a:lstStyle/>
          <a:p>
            <a:r>
              <a:rPr lang="en-US" dirty="0"/>
              <a:t>Examples using </a:t>
            </a:r>
            <a:r>
              <a:rPr lang="en-US" dirty="0" err="1"/>
              <a:t>Axios</a:t>
            </a:r>
            <a:r>
              <a:rPr lang="en-US" dirty="0"/>
              <a:t> library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C96ACF9-5E1E-5F8E-F1AB-FC04436D700E}"/>
              </a:ext>
            </a:extLst>
          </p:cNvPr>
          <p:cNvSpPr txBox="1"/>
          <p:nvPr/>
        </p:nvSpPr>
        <p:spPr>
          <a:xfrm>
            <a:off x="2513547" y="3105834"/>
            <a:ext cx="656737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hlinkClick r:id="rId5"/>
              </a:rPr>
              <a:t>https://www.freecodecamp.org/news/how-to-use-axios-with-react/</a:t>
            </a:r>
            <a:endParaRPr lang="en-US" dirty="0"/>
          </a:p>
          <a:p>
            <a:endParaRPr lang="en-US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308854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3F53180-50F8-F099-EEDA-484D7939AC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12572" y="395997"/>
            <a:ext cx="6884730" cy="1325563"/>
          </a:xfrm>
        </p:spPr>
        <p:txBody>
          <a:bodyPr>
            <a:normAutofit/>
          </a:bodyPr>
          <a:lstStyle/>
          <a:p>
            <a:r>
              <a:rPr lang="en-US" dirty="0"/>
              <a:t>Inspect menu Example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62DDB83-C985-553C-A486-FB79C0C1785F}"/>
              </a:ext>
            </a:extLst>
          </p:cNvPr>
          <p:cNvSpPr txBox="1"/>
          <p:nvPr/>
        </p:nvSpPr>
        <p:spPr>
          <a:xfrm>
            <a:off x="4706640" y="3248526"/>
            <a:ext cx="261578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hlinkClick r:id="rId5"/>
              </a:rPr>
              <a:t>https://app.at.farm/farms</a:t>
            </a:r>
            <a:endParaRPr lang="en-US" dirty="0"/>
          </a:p>
          <a:p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5E2B08F-BE14-1FAB-87B6-9F91AE339CB4}"/>
              </a:ext>
            </a:extLst>
          </p:cNvPr>
          <p:cNvSpPr txBox="1"/>
          <p:nvPr/>
        </p:nvSpPr>
        <p:spPr>
          <a:xfrm>
            <a:off x="4678502" y="4951775"/>
            <a:ext cx="323216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Let’s also see </a:t>
            </a:r>
            <a:r>
              <a:rPr lang="en-US" dirty="0" err="1"/>
              <a:t>sh</a:t>
            </a:r>
            <a:r>
              <a:rPr lang="en-US" dirty="0"/>
              <a:t>-</a:t>
            </a:r>
            <a:r>
              <a:rPr lang="en-US" dirty="0" err="1"/>
              <a:t>ktr</a:t>
            </a:r>
            <a:r>
              <a:rPr lang="en-US" dirty="0"/>
              <a:t>-mobile code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7570362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Pipette putting a sample on a petri dish">
            <a:extLst>
              <a:ext uri="{FF2B5EF4-FFF2-40B4-BE49-F238E27FC236}">
                <a16:creationId xmlns:a16="http://schemas.microsoft.com/office/drawing/2014/main" id="{E68EBADE-D688-321B-7E99-28F6880D14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2" name="Down Arrow 7">
            <a:extLst>
              <a:ext uri="{FF2B5EF4-FFF2-40B4-BE49-F238E27FC236}">
                <a16:creationId xmlns:a16="http://schemas.microsoft.com/office/drawing/2014/main" id="{B547373F-AF2E-4907-B442-9F902B387F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0100" y="-4763"/>
            <a:ext cx="3333749" cy="3338514"/>
          </a:xfrm>
          <a:prstGeom prst="downArrow">
            <a:avLst>
              <a:gd name="adj1" fmla="val 100000"/>
              <a:gd name="adj2" fmla="val 26890"/>
            </a:avLst>
          </a:prstGeom>
          <a:solidFill>
            <a:schemeClr val="tx1">
              <a:lumMod val="85000"/>
              <a:lumOff val="15000"/>
            </a:schemeClr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E8938CF-6E77-3ECA-0974-F1ABEAAE6A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0501"/>
            <a:ext cx="2886075" cy="2486024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300" dirty="0">
                <a:solidFill>
                  <a:schemeClr val="bg1"/>
                </a:solidFill>
              </a:rPr>
              <a:t>Communication using Context System</a:t>
            </a:r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AE053E29-F4B3-AAE2-D21D-5265F846EC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/>
            <a:endParaRPr lang="en-US" sz="1200" kern="120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E4C078-8076-8206-B0B7-1454B4545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>
              <a:spcAft>
                <a:spcPts val="600"/>
              </a:spcAft>
            </a:pPr>
            <a:fld id="{23AA811B-2EBD-4900-905E-5BE206449611}" type="slidenum">
              <a:rPr lang="en-US">
                <a:solidFill>
                  <a:srgbClr val="FFFFFF"/>
                </a:solidFill>
              </a:rPr>
              <a:pPr defTabSz="457200">
                <a:spcAft>
                  <a:spcPts val="600"/>
                </a:spcAft>
              </a:pPr>
              <a:t>16</a:t>
            </a:fld>
            <a:endParaRPr lang="en-US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06395139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0039D-E3AB-C40D-46C6-6EC33AADB2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ct Contex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5BBA18-D89C-177B-19FE-9AB95BF8CD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React Context is a way to manage state globally.</a:t>
            </a:r>
          </a:p>
          <a:p>
            <a:r>
              <a:rPr lang="en-US" dirty="0"/>
              <a:t>It can be used together with the </a:t>
            </a:r>
            <a:r>
              <a:rPr lang="en-US" dirty="0" err="1">
                <a:solidFill>
                  <a:srgbClr val="FF0000"/>
                </a:solidFill>
              </a:rPr>
              <a:t>useState</a:t>
            </a:r>
            <a:r>
              <a:rPr lang="en-US" dirty="0"/>
              <a:t> Hook to share state between deeply nested components more easily than with </a:t>
            </a:r>
            <a:r>
              <a:rPr lang="en-US" dirty="0" err="1">
                <a:solidFill>
                  <a:srgbClr val="FF0000"/>
                </a:solidFill>
              </a:rPr>
              <a:t>useState</a:t>
            </a:r>
            <a:r>
              <a:rPr lang="en-US" dirty="0"/>
              <a:t> alone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347084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Pipette putting a sample on a petri dish">
            <a:extLst>
              <a:ext uri="{FF2B5EF4-FFF2-40B4-BE49-F238E27FC236}">
                <a16:creationId xmlns:a16="http://schemas.microsoft.com/office/drawing/2014/main" id="{E68EBADE-D688-321B-7E99-28F6880D14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2" name="Down Arrow 7">
            <a:extLst>
              <a:ext uri="{FF2B5EF4-FFF2-40B4-BE49-F238E27FC236}">
                <a16:creationId xmlns:a16="http://schemas.microsoft.com/office/drawing/2014/main" id="{B547373F-AF2E-4907-B442-9F902B387F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0100" y="-4763"/>
            <a:ext cx="3333749" cy="3338514"/>
          </a:xfrm>
          <a:prstGeom prst="downArrow">
            <a:avLst>
              <a:gd name="adj1" fmla="val 100000"/>
              <a:gd name="adj2" fmla="val 26890"/>
            </a:avLst>
          </a:prstGeom>
          <a:solidFill>
            <a:schemeClr val="tx1">
              <a:lumMod val="85000"/>
              <a:lumOff val="15000"/>
            </a:schemeClr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E8938CF-6E77-3ECA-0974-F1ABEAAE6A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0501"/>
            <a:ext cx="2886075" cy="2486024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300" dirty="0">
                <a:solidFill>
                  <a:schemeClr val="bg1"/>
                </a:solidFill>
              </a:rPr>
              <a:t>Other Hooks</a:t>
            </a:r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AE053E29-F4B3-AAE2-D21D-5265F846EC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/>
            <a:endParaRPr lang="en-US" sz="1200" kern="120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E4C078-8076-8206-B0B7-1454B4545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>
              <a:spcAft>
                <a:spcPts val="600"/>
              </a:spcAft>
            </a:pPr>
            <a:fld id="{23AA811B-2EBD-4900-905E-5BE206449611}" type="slidenum">
              <a:rPr lang="en-US">
                <a:solidFill>
                  <a:srgbClr val="FFFFFF"/>
                </a:solidFill>
              </a:rPr>
              <a:pPr defTabSz="457200">
                <a:spcAft>
                  <a:spcPts val="600"/>
                </a:spcAft>
              </a:pPr>
              <a:t>18</a:t>
            </a:fld>
            <a:endParaRPr lang="en-US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075169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0039D-E3AB-C40D-46C6-6EC33AADB2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ther Hook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5BBA18-D89C-177B-19FE-9AB95BF8CD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useRef</a:t>
            </a:r>
            <a:endParaRPr lang="en-US" dirty="0"/>
          </a:p>
          <a:p>
            <a:r>
              <a:rPr lang="en-US" dirty="0" err="1"/>
              <a:t>useReducer</a:t>
            </a:r>
            <a:endParaRPr lang="en-US" dirty="0"/>
          </a:p>
          <a:p>
            <a:r>
              <a:rPr lang="en-US" dirty="0" err="1"/>
              <a:t>useCallback</a:t>
            </a:r>
            <a:endParaRPr lang="en-US" dirty="0"/>
          </a:p>
          <a:p>
            <a:r>
              <a:rPr lang="en-US" dirty="0" err="1"/>
              <a:t>useMemo</a:t>
            </a:r>
            <a:endParaRPr lang="en-US" dirty="0"/>
          </a:p>
          <a:p>
            <a:r>
              <a:rPr lang="en-US" dirty="0"/>
              <a:t>Custom Hooks</a:t>
            </a:r>
          </a:p>
        </p:txBody>
      </p:sp>
    </p:spTree>
    <p:extLst>
      <p:ext uri="{BB962C8B-B14F-4D97-AF65-F5344CB8AC3E}">
        <p14:creationId xmlns:p14="http://schemas.microsoft.com/office/powerpoint/2010/main" val="29119252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C5E6CFF1-2F42-4E10-9A97-F116F46F5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Picture 6" descr="Computer script on a screen">
            <a:extLst>
              <a:ext uri="{FF2B5EF4-FFF2-40B4-BE49-F238E27FC236}">
                <a16:creationId xmlns:a16="http://schemas.microsoft.com/office/drawing/2014/main" id="{FF0D35D2-F3A4-ABAE-2A6A-A74E4193092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35000"/>
          </a:blip>
          <a:srcRect t="5981" b="9750"/>
          <a:stretch/>
        </p:blipFill>
        <p:spPr>
          <a:xfrm>
            <a:off x="20" y="1"/>
            <a:ext cx="12191980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6650FB1-1701-36F7-0E1F-F7BE7810FB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1" y="1065862"/>
            <a:ext cx="3313164" cy="4726276"/>
          </a:xfrm>
        </p:spPr>
        <p:txBody>
          <a:bodyPr>
            <a:normAutofit/>
          </a:bodyPr>
          <a:lstStyle/>
          <a:p>
            <a:pPr algn="r"/>
            <a:r>
              <a:rPr lang="en-US" sz="4000">
                <a:solidFill>
                  <a:srgbClr val="FFFFFF"/>
                </a:solidFill>
              </a:rPr>
              <a:t>Prerequisites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67182200-4859-4C8D-BCBB-55B245C28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3372" y="2286000"/>
            <a:ext cx="0" cy="2286000"/>
          </a:xfrm>
          <a:prstGeom prst="line">
            <a:avLst/>
          </a:prstGeom>
          <a:ln w="1587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CE0020-67F6-905E-3C8E-67D3444C46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55379" y="1065862"/>
            <a:ext cx="5744685" cy="4726276"/>
          </a:xfrm>
        </p:spPr>
        <p:txBody>
          <a:bodyPr anchor="ctr">
            <a:normAutofit/>
          </a:bodyPr>
          <a:lstStyle/>
          <a:p>
            <a:r>
              <a:rPr lang="en-US" sz="2000" dirty="0">
                <a:solidFill>
                  <a:srgbClr val="FFFFFF"/>
                </a:solidFill>
              </a:rPr>
              <a:t>Node (v16 or greater) and NPM installed</a:t>
            </a:r>
          </a:p>
          <a:p>
            <a:r>
              <a:rPr lang="en-US" sz="2000" dirty="0">
                <a:solidFill>
                  <a:srgbClr val="FFFFFF"/>
                </a:solidFill>
              </a:rPr>
              <a:t>Code editor IDE – vs-code, sublime or any text editor</a:t>
            </a:r>
          </a:p>
          <a:p>
            <a:r>
              <a:rPr lang="en-US" sz="2000" dirty="0">
                <a:solidFill>
                  <a:srgbClr val="FFFFFF"/>
                </a:solidFill>
              </a:rPr>
              <a:t>Knowledge of HTML, CSS and JavaScript basics</a:t>
            </a:r>
          </a:p>
          <a:p>
            <a:r>
              <a:rPr lang="en-US" sz="2000" dirty="0">
                <a:solidFill>
                  <a:srgbClr val="FFFFFF"/>
                </a:solidFill>
              </a:rPr>
              <a:t>Knowledge of basics of React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604A7BB-357B-F41F-CE4E-D10A94068C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150428" y="6356350"/>
            <a:ext cx="5152157" cy="365125"/>
          </a:xfrm>
        </p:spPr>
        <p:txBody>
          <a:bodyPr>
            <a:normAutofit/>
          </a:bodyPr>
          <a:lstStyle/>
          <a:p>
            <a:pPr algn="l"/>
            <a:endParaRPr lang="en-GB">
              <a:solidFill>
                <a:srgbClr val="FFFFFF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500CEB9-1CD0-17BE-FACF-79D86023D9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53254" y="6356350"/>
            <a:ext cx="900545" cy="365125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>
                <a:solidFill>
                  <a:srgbClr val="FFFFFF"/>
                </a:solidFill>
              </a:rPr>
              <a:pPr>
                <a:spcAft>
                  <a:spcPts val="600"/>
                </a:spcAft>
              </a:pPr>
              <a:t>2</a:t>
            </a:fld>
            <a:endParaRPr lang="en-GB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93244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0039D-E3AB-C40D-46C6-6EC33AADB2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ct Context and Hooks Examp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5BBA18-D89C-177B-19FE-9AB95BF8CD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hlinkClick r:id="rId2"/>
              </a:rPr>
              <a:t>https://www.w3schools.com/react/react_usecontext.asp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26904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Pipette putting a sample on a petri dish">
            <a:extLst>
              <a:ext uri="{FF2B5EF4-FFF2-40B4-BE49-F238E27FC236}">
                <a16:creationId xmlns:a16="http://schemas.microsoft.com/office/drawing/2014/main" id="{E68EBADE-D688-321B-7E99-28F6880D14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2" name="Down Arrow 7">
            <a:extLst>
              <a:ext uri="{FF2B5EF4-FFF2-40B4-BE49-F238E27FC236}">
                <a16:creationId xmlns:a16="http://schemas.microsoft.com/office/drawing/2014/main" id="{B547373F-AF2E-4907-B442-9F902B387F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0100" y="-4763"/>
            <a:ext cx="3333749" cy="3338514"/>
          </a:xfrm>
          <a:prstGeom prst="downArrow">
            <a:avLst>
              <a:gd name="adj1" fmla="val 100000"/>
              <a:gd name="adj2" fmla="val 26890"/>
            </a:avLst>
          </a:prstGeom>
          <a:solidFill>
            <a:schemeClr val="tx1">
              <a:lumMod val="85000"/>
              <a:lumOff val="15000"/>
            </a:schemeClr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E8938CF-6E77-3ECA-0974-F1ABEAAE6A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0501"/>
            <a:ext cx="2886075" cy="2486024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300" dirty="0">
                <a:solidFill>
                  <a:schemeClr val="bg1"/>
                </a:solidFill>
              </a:rPr>
              <a:t>Dive into Redux Toolkit</a:t>
            </a:r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AE053E29-F4B3-AAE2-D21D-5265F846EC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/>
            <a:endParaRPr lang="en-US" sz="1200" kern="120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E4C078-8076-8206-B0B7-1454B4545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>
              <a:spcAft>
                <a:spcPts val="600"/>
              </a:spcAft>
            </a:pPr>
            <a:fld id="{23AA811B-2EBD-4900-905E-5BE206449611}" type="slidenum">
              <a:rPr lang="en-US">
                <a:solidFill>
                  <a:srgbClr val="FFFFFF"/>
                </a:solidFill>
              </a:rPr>
              <a:pPr defTabSz="457200">
                <a:spcAft>
                  <a:spcPts val="600"/>
                </a:spcAft>
              </a:pPr>
              <a:t>21</a:t>
            </a:fld>
            <a:endParaRPr lang="en-US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6239224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Content Placeholder 20" descr="Table&#10;&#10;Description automatically generated">
            <a:extLst>
              <a:ext uri="{FF2B5EF4-FFF2-40B4-BE49-F238E27FC236}">
                <a16:creationId xmlns:a16="http://schemas.microsoft.com/office/drawing/2014/main" id="{A0F18739-A17F-0ECF-ABDF-AAADDE34B4C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28650" y="434824"/>
            <a:ext cx="7053231" cy="5456459"/>
          </a:xfrm>
        </p:spPr>
      </p:pic>
    </p:spTree>
    <p:extLst>
      <p:ext uri="{BB962C8B-B14F-4D97-AF65-F5344CB8AC3E}">
        <p14:creationId xmlns:p14="http://schemas.microsoft.com/office/powerpoint/2010/main" val="108714431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Content Placeholder 16" descr="Table&#10;&#10;Description automatically generated with low confidence">
            <a:extLst>
              <a:ext uri="{FF2B5EF4-FFF2-40B4-BE49-F238E27FC236}">
                <a16:creationId xmlns:a16="http://schemas.microsoft.com/office/drawing/2014/main" id="{8046FA9F-2933-CC03-CA95-1912B9E7390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66677" y="643467"/>
            <a:ext cx="9058645" cy="5571065"/>
          </a:xfrm>
          <a:prstGeom prst="rect">
            <a:avLst/>
          </a:prstGeom>
          <a:ln>
            <a:noFill/>
          </a:ln>
        </p:spPr>
      </p:pic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511254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Chart, line chart&#10;&#10;Description automatically generated">
            <a:extLst>
              <a:ext uri="{FF2B5EF4-FFF2-40B4-BE49-F238E27FC236}">
                <a16:creationId xmlns:a16="http://schemas.microsoft.com/office/drawing/2014/main" id="{14422FF9-A5A6-B493-BD01-2EBF2359A01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63950" y="1333255"/>
            <a:ext cx="7837151" cy="4351338"/>
          </a:xfrm>
        </p:spPr>
      </p:pic>
    </p:spTree>
    <p:extLst>
      <p:ext uri="{BB962C8B-B14F-4D97-AF65-F5344CB8AC3E}">
        <p14:creationId xmlns:p14="http://schemas.microsoft.com/office/powerpoint/2010/main" val="38823130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D19544B6-D7F3-BC29-7D76-985145F35A6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48515" y="1333255"/>
            <a:ext cx="5894969" cy="4351338"/>
          </a:xfrm>
        </p:spPr>
      </p:pic>
    </p:spTree>
    <p:extLst>
      <p:ext uri="{BB962C8B-B14F-4D97-AF65-F5344CB8AC3E}">
        <p14:creationId xmlns:p14="http://schemas.microsoft.com/office/powerpoint/2010/main" val="388732542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Diagram&#10;&#10;Description automatically generated">
            <a:extLst>
              <a:ext uri="{FF2B5EF4-FFF2-40B4-BE49-F238E27FC236}">
                <a16:creationId xmlns:a16="http://schemas.microsoft.com/office/drawing/2014/main" id="{7F976550-856F-99B5-EECF-3C5B0AABA97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66013" y="535367"/>
            <a:ext cx="6496149" cy="5271875"/>
          </a:xfrm>
        </p:spPr>
      </p:pic>
    </p:spTree>
    <p:extLst>
      <p:ext uri="{BB962C8B-B14F-4D97-AF65-F5344CB8AC3E}">
        <p14:creationId xmlns:p14="http://schemas.microsoft.com/office/powerpoint/2010/main" val="27507849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Isosceles Triangle 33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96370194-C035-B21B-4381-1592A02447D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75227" y="1489660"/>
            <a:ext cx="9929821" cy="4687303"/>
          </a:xfrm>
        </p:spPr>
      </p:pic>
    </p:spTree>
    <p:extLst>
      <p:ext uri="{BB962C8B-B14F-4D97-AF65-F5344CB8AC3E}">
        <p14:creationId xmlns:p14="http://schemas.microsoft.com/office/powerpoint/2010/main" val="354873300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CEE2ACC0-ECF0-51EA-1921-28ED7163B4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</p:spPr>
        <p:txBody>
          <a:bodyPr/>
          <a:lstStyle/>
          <a:p>
            <a:r>
              <a:rPr lang="en-US" dirty="0"/>
              <a:t>Redux Toolkit Basic Steps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181C48AB-360A-11C1-ADF2-6B9D6AE4BFD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9999" y="1800000"/>
            <a:ext cx="11113200" cy="4230000"/>
          </a:xfrm>
        </p:spPr>
        <p:txBody>
          <a:bodyPr/>
          <a:lstStyle/>
          <a:p>
            <a:r>
              <a:rPr lang="en-US" dirty="0"/>
              <a:t>Create your slices</a:t>
            </a:r>
          </a:p>
          <a:p>
            <a:r>
              <a:rPr lang="en-US" dirty="0" err="1"/>
              <a:t>configureStore</a:t>
            </a:r>
            <a:endParaRPr lang="en-US" dirty="0"/>
          </a:p>
          <a:p>
            <a:r>
              <a:rPr lang="en-US" dirty="0"/>
              <a:t>Connect redux with react using react-redux</a:t>
            </a:r>
          </a:p>
          <a:p>
            <a:r>
              <a:rPr lang="en-US" dirty="0"/>
              <a:t>Ready for using redux</a:t>
            </a:r>
          </a:p>
        </p:txBody>
      </p:sp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7472C47D-A72C-D432-0609-1F04334BD1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</p:spPr>
        <p:txBody>
          <a:bodyPr/>
          <a:lstStyle/>
          <a:p>
            <a:endParaRPr lang="en-GB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264BCCE-8D84-B3E0-978E-DB955DEFAE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28</a:t>
            </a:fld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7827748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4" name="Rectangle 23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Isosceles Triangle 25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Content Placeholder 12" descr="Table&#10;&#10;Description automatically generated">
            <a:extLst>
              <a:ext uri="{FF2B5EF4-FFF2-40B4-BE49-F238E27FC236}">
                <a16:creationId xmlns:a16="http://schemas.microsoft.com/office/drawing/2014/main" id="{30B6E337-3592-AD00-E49B-7B0454F2F78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30825" y="643467"/>
            <a:ext cx="7330350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284659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C5E6CFF1-2F42-4E10-9A97-F116F46F5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 descr="Wavy technology 3D design">
            <a:extLst>
              <a:ext uri="{FF2B5EF4-FFF2-40B4-BE49-F238E27FC236}">
                <a16:creationId xmlns:a16="http://schemas.microsoft.com/office/drawing/2014/main" id="{C661A384-748A-D6E3-62D7-73DA5B2F5EC8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35000"/>
          </a:blip>
          <a:srcRect/>
          <a:stretch/>
        </p:blipFill>
        <p:spPr>
          <a:xfrm>
            <a:off x="20" y="1"/>
            <a:ext cx="12191980" cy="6857999"/>
          </a:xfrm>
          <a:prstGeom prst="rect">
            <a:avLst/>
          </a:prstGeom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E4992F65-776C-45ED-8793-09713DD64A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1" y="1065862"/>
            <a:ext cx="3313164" cy="4726276"/>
          </a:xfrm>
        </p:spPr>
        <p:txBody>
          <a:bodyPr>
            <a:normAutofit/>
          </a:bodyPr>
          <a:lstStyle/>
          <a:p>
            <a:pPr algn="r"/>
            <a:r>
              <a:rPr lang="da-DK" sz="4000" dirty="0" err="1">
                <a:solidFill>
                  <a:srgbClr val="FFFFFF"/>
                </a:solidFill>
              </a:rPr>
              <a:t>Topics</a:t>
            </a:r>
            <a:endParaRPr lang="da-DK" sz="4000" dirty="0">
              <a:solidFill>
                <a:srgbClr val="FFFFFF"/>
              </a:solidFill>
            </a:endParaRP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7182200-4859-4C8D-BCBB-55B245C28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3372" y="2286000"/>
            <a:ext cx="0" cy="2286000"/>
          </a:xfrm>
          <a:prstGeom prst="line">
            <a:avLst/>
          </a:prstGeom>
          <a:ln w="1587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4A537D20-285C-4D51-92C7-83A564EDA0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55379" y="1065862"/>
            <a:ext cx="5744685" cy="4726276"/>
          </a:xfrm>
        </p:spPr>
        <p:txBody>
          <a:bodyPr anchor="ctr">
            <a:normAutofit/>
          </a:bodyPr>
          <a:lstStyle/>
          <a:p>
            <a:r>
              <a:rPr lang="da-DK" sz="2000" dirty="0">
                <a:solidFill>
                  <a:srgbClr val="FFFFFF"/>
                </a:solidFill>
              </a:rPr>
              <a:t>Using an API with </a:t>
            </a:r>
            <a:r>
              <a:rPr lang="da-DK" sz="2000" dirty="0" err="1">
                <a:solidFill>
                  <a:srgbClr val="FFFFFF"/>
                </a:solidFill>
              </a:rPr>
              <a:t>React</a:t>
            </a:r>
            <a:endParaRPr lang="da-DK" sz="2000" dirty="0">
              <a:solidFill>
                <a:srgbClr val="FFFFFF"/>
              </a:solidFill>
            </a:endParaRPr>
          </a:p>
          <a:p>
            <a:r>
              <a:rPr lang="da-DK" sz="2000" dirty="0" err="1">
                <a:solidFill>
                  <a:srgbClr val="FFFFFF"/>
                </a:solidFill>
              </a:rPr>
              <a:t>Communication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using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React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Context</a:t>
            </a:r>
            <a:endParaRPr lang="da-DK" sz="2000" dirty="0">
              <a:solidFill>
                <a:srgbClr val="FFFFFF"/>
              </a:solidFill>
            </a:endParaRPr>
          </a:p>
          <a:p>
            <a:r>
              <a:rPr lang="da-DK" sz="2000" dirty="0" err="1">
                <a:solidFill>
                  <a:srgbClr val="FFFFFF"/>
                </a:solidFill>
              </a:rPr>
              <a:t>Other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React</a:t>
            </a:r>
            <a:r>
              <a:rPr lang="da-DK" sz="2000">
                <a:solidFill>
                  <a:srgbClr val="FFFFFF"/>
                </a:solidFill>
              </a:rPr>
              <a:t> Hooks</a:t>
            </a:r>
            <a:endParaRPr lang="da-DK" sz="2000" dirty="0">
              <a:solidFill>
                <a:srgbClr val="FFFFFF"/>
              </a:solidFill>
            </a:endParaRPr>
          </a:p>
          <a:p>
            <a:r>
              <a:rPr lang="da-DK" sz="2000" dirty="0" err="1">
                <a:solidFill>
                  <a:srgbClr val="FFFFFF"/>
                </a:solidFill>
              </a:rPr>
              <a:t>Dive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into</a:t>
            </a:r>
            <a:r>
              <a:rPr lang="da-DK" sz="2000" dirty="0">
                <a:solidFill>
                  <a:srgbClr val="FFFFFF"/>
                </a:solidFill>
              </a:rPr>
              <a:t> </a:t>
            </a:r>
            <a:r>
              <a:rPr lang="da-DK" sz="2000" dirty="0" err="1">
                <a:solidFill>
                  <a:srgbClr val="FFFFFF"/>
                </a:solidFill>
              </a:rPr>
              <a:t>Redux</a:t>
            </a:r>
            <a:r>
              <a:rPr lang="da-DK" sz="2000" dirty="0">
                <a:solidFill>
                  <a:srgbClr val="FFFFFF"/>
                </a:solidFill>
              </a:rPr>
              <a:t> Toolkit</a:t>
            </a:r>
          </a:p>
          <a:p>
            <a:r>
              <a:rPr lang="da-DK" sz="2000" dirty="0" err="1">
                <a:solidFill>
                  <a:srgbClr val="FFFFFF"/>
                </a:solidFill>
              </a:rPr>
              <a:t>Redux</a:t>
            </a:r>
            <a:r>
              <a:rPr lang="da-DK" sz="2000" dirty="0">
                <a:solidFill>
                  <a:srgbClr val="FFFFFF"/>
                </a:solidFill>
              </a:rPr>
              <a:t> Toolkit Query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7FE55D5-6649-EA1A-D7E9-53C338B23A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150428" y="6356350"/>
            <a:ext cx="5152157" cy="365125"/>
          </a:xfrm>
        </p:spPr>
        <p:txBody>
          <a:bodyPr>
            <a:normAutofit/>
          </a:bodyPr>
          <a:lstStyle/>
          <a:p>
            <a:pPr algn="l"/>
            <a:endParaRPr lang="en-GB">
              <a:solidFill>
                <a:srgbClr val="FFFFFF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0783414-8CCB-2FD1-38FA-02CCD5F2AE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53254" y="6356350"/>
            <a:ext cx="900545" cy="365125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>
                <a:solidFill>
                  <a:srgbClr val="FFFFFF"/>
                </a:solidFill>
              </a:rPr>
              <a:pPr>
                <a:spcAft>
                  <a:spcPts val="600"/>
                </a:spcAft>
              </a:pPr>
              <a:t>3</a:t>
            </a:fld>
            <a:endParaRPr lang="en-GB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286685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4" name="Rectangle 23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Isosceles Triangle 25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Table&#10;&#10;Description automatically generated">
            <a:extLst>
              <a:ext uri="{FF2B5EF4-FFF2-40B4-BE49-F238E27FC236}">
                <a16:creationId xmlns:a16="http://schemas.microsoft.com/office/drawing/2014/main" id="{9874CF86-A1B3-3C71-6446-841932EE66B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389248" y="707102"/>
            <a:ext cx="6808614" cy="4968701"/>
          </a:xfrm>
        </p:spPr>
      </p:pic>
    </p:spTree>
    <p:extLst>
      <p:ext uri="{BB962C8B-B14F-4D97-AF65-F5344CB8AC3E}">
        <p14:creationId xmlns:p14="http://schemas.microsoft.com/office/powerpoint/2010/main" val="58430221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4" name="Rectangle 23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Isosceles Triangle 25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D71C8E17-6359-A84C-BED2-60F38CB72BD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33445" y="1142408"/>
            <a:ext cx="9802157" cy="4351338"/>
          </a:xfrm>
        </p:spPr>
      </p:pic>
    </p:spTree>
    <p:extLst>
      <p:ext uri="{BB962C8B-B14F-4D97-AF65-F5344CB8AC3E}">
        <p14:creationId xmlns:p14="http://schemas.microsoft.com/office/powerpoint/2010/main" val="100777841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7472C47D-A72C-D432-0609-1F04334BD1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</p:spPr>
        <p:txBody>
          <a:bodyPr/>
          <a:lstStyle/>
          <a:p>
            <a:endParaRPr lang="en-GB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264BCCE-8D84-B3E0-978E-DB955DEFAE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32</a:t>
            </a:fld>
            <a:endParaRPr lang="en-GB"/>
          </a:p>
        </p:txBody>
      </p:sp>
      <p:pic>
        <p:nvPicPr>
          <p:cNvPr id="4" name="Picture 3" descr="Table&#10;&#10;Description automatically generated with low confidence">
            <a:extLst>
              <a:ext uri="{FF2B5EF4-FFF2-40B4-BE49-F238E27FC236}">
                <a16:creationId xmlns:a16="http://schemas.microsoft.com/office/drawing/2014/main" id="{0EA30472-2F13-8858-9986-D7F3511D680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2800" y="1307246"/>
            <a:ext cx="5140499" cy="4055173"/>
          </a:xfrm>
          <a:prstGeom prst="rect">
            <a:avLst/>
          </a:prstGeom>
        </p:spPr>
      </p:pic>
      <p:pic>
        <p:nvPicPr>
          <p:cNvPr id="9" name="Picture 8" descr="Text&#10;&#10;Description automatically generated">
            <a:extLst>
              <a:ext uri="{FF2B5EF4-FFF2-40B4-BE49-F238E27FC236}">
                <a16:creationId xmlns:a16="http://schemas.microsoft.com/office/drawing/2014/main" id="{520706F0-10B8-9BBE-0056-5122FA229AC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59042" y="2051070"/>
            <a:ext cx="3209890" cy="275586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8753923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Isosceles Triangle 23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Content Placeholder 8" descr="Diagram&#10;&#10;Description automatically generated">
            <a:extLst>
              <a:ext uri="{FF2B5EF4-FFF2-40B4-BE49-F238E27FC236}">
                <a16:creationId xmlns:a16="http://schemas.microsoft.com/office/drawing/2014/main" id="{54876BE3-78CF-4491-1DEE-40E82678263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9974" r="1" b="10203"/>
          <a:stretch/>
        </p:blipFill>
        <p:spPr>
          <a:xfrm>
            <a:off x="643467" y="643467"/>
            <a:ext cx="10905066" cy="5571065"/>
          </a:xfrm>
          <a:prstGeom prst="rect">
            <a:avLst/>
          </a:prstGeom>
          <a:ln>
            <a:noFill/>
          </a:ln>
        </p:spPr>
      </p:pic>
      <p:sp>
        <p:nvSpPr>
          <p:cNvPr id="26" name="Isosceles Triangle 25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15362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77F45E5C-99F0-F66E-F9D7-0FE88FD6BF0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8122" r="1" b="6734"/>
          <a:stretch/>
        </p:blipFill>
        <p:spPr>
          <a:xfrm>
            <a:off x="643467" y="643468"/>
            <a:ext cx="10905066" cy="5472034"/>
          </a:xfrm>
          <a:prstGeom prst="rect">
            <a:avLst/>
          </a:prstGeom>
          <a:ln>
            <a:noFill/>
          </a:ln>
        </p:spPr>
      </p:pic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59925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Text&#10;&#10;Description automatically generated">
            <a:extLst>
              <a:ext uri="{FF2B5EF4-FFF2-40B4-BE49-F238E27FC236}">
                <a16:creationId xmlns:a16="http://schemas.microsoft.com/office/drawing/2014/main" id="{19701540-2E4D-E6A4-E735-4EAE51B7369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85028" y="251281"/>
            <a:ext cx="5280066" cy="6355438"/>
          </a:xfrm>
        </p:spPr>
      </p:pic>
    </p:spTree>
    <p:extLst>
      <p:ext uri="{BB962C8B-B14F-4D97-AF65-F5344CB8AC3E}">
        <p14:creationId xmlns:p14="http://schemas.microsoft.com/office/powerpoint/2010/main" val="400628268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B024140A-BA29-E915-57C7-8874E50DB6B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835357" y="690162"/>
            <a:ext cx="6214151" cy="4957012"/>
          </a:xfrm>
        </p:spPr>
      </p:pic>
    </p:spTree>
    <p:extLst>
      <p:ext uri="{BB962C8B-B14F-4D97-AF65-F5344CB8AC3E}">
        <p14:creationId xmlns:p14="http://schemas.microsoft.com/office/powerpoint/2010/main" val="148589350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Diagram&#10;&#10;Description automatically generated">
            <a:extLst>
              <a:ext uri="{FF2B5EF4-FFF2-40B4-BE49-F238E27FC236}">
                <a16:creationId xmlns:a16="http://schemas.microsoft.com/office/drawing/2014/main" id="{B6422923-63ED-1722-6358-76D66754E7F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1992" y="39982"/>
            <a:ext cx="11998216" cy="6778035"/>
          </a:xfrm>
        </p:spPr>
      </p:pic>
    </p:spTree>
    <p:extLst>
      <p:ext uri="{BB962C8B-B14F-4D97-AF65-F5344CB8AC3E}">
        <p14:creationId xmlns:p14="http://schemas.microsoft.com/office/powerpoint/2010/main" val="166837431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Pipette putting a sample on a petri dish">
            <a:extLst>
              <a:ext uri="{FF2B5EF4-FFF2-40B4-BE49-F238E27FC236}">
                <a16:creationId xmlns:a16="http://schemas.microsoft.com/office/drawing/2014/main" id="{E68EBADE-D688-321B-7E99-28F6880D14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2" name="Down Arrow 7">
            <a:extLst>
              <a:ext uri="{FF2B5EF4-FFF2-40B4-BE49-F238E27FC236}">
                <a16:creationId xmlns:a16="http://schemas.microsoft.com/office/drawing/2014/main" id="{B547373F-AF2E-4907-B442-9F902B387F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0100" y="-4763"/>
            <a:ext cx="3333749" cy="3338514"/>
          </a:xfrm>
          <a:prstGeom prst="downArrow">
            <a:avLst>
              <a:gd name="adj1" fmla="val 100000"/>
              <a:gd name="adj2" fmla="val 26890"/>
            </a:avLst>
          </a:prstGeom>
          <a:solidFill>
            <a:schemeClr val="tx1">
              <a:lumMod val="85000"/>
              <a:lumOff val="15000"/>
            </a:schemeClr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E8938CF-6E77-3ECA-0974-F1ABEAAE6A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0501"/>
            <a:ext cx="2886075" cy="2486024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300" dirty="0">
                <a:solidFill>
                  <a:schemeClr val="bg1"/>
                </a:solidFill>
              </a:rPr>
              <a:t>Using Redux Toolkit Query</a:t>
            </a:r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AE053E29-F4B3-AAE2-D21D-5265F846EC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/>
            <a:endParaRPr lang="en-US" sz="1200" kern="120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E4C078-8076-8206-B0B7-1454B4545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>
              <a:spcAft>
                <a:spcPts val="600"/>
              </a:spcAft>
            </a:pPr>
            <a:fld id="{23AA811B-2EBD-4900-905E-5BE206449611}" type="slidenum">
              <a:rPr lang="en-US">
                <a:solidFill>
                  <a:srgbClr val="FFFFFF"/>
                </a:solidFill>
              </a:rPr>
              <a:pPr defTabSz="457200">
                <a:spcAft>
                  <a:spcPts val="600"/>
                </a:spcAft>
              </a:pPr>
              <a:t>38</a:t>
            </a:fld>
            <a:endParaRPr lang="en-US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38869007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CEE2ACC0-ECF0-51EA-1921-28ED7163B4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540000"/>
            <a:ext cx="11113200" cy="1150938"/>
          </a:xfrm>
        </p:spPr>
        <p:txBody>
          <a:bodyPr/>
          <a:lstStyle/>
          <a:p>
            <a:r>
              <a:rPr lang="en-US" dirty="0"/>
              <a:t>Two ways of data fetching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181C48AB-360A-11C1-ADF2-6B9D6AE4BFD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9999" y="1800000"/>
            <a:ext cx="11113200" cy="4230000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1. Async </a:t>
            </a:r>
            <a:r>
              <a:rPr lang="en-US" dirty="0" err="1"/>
              <a:t>Thunk</a:t>
            </a:r>
            <a:r>
              <a:rPr lang="en-US" dirty="0"/>
              <a:t> Functions </a:t>
            </a:r>
            <a:r>
              <a:rPr lang="en-US" i="1" dirty="0"/>
              <a:t>(fetch users)</a:t>
            </a:r>
          </a:p>
          <a:p>
            <a:pPr marL="0" indent="0">
              <a:buNone/>
            </a:pPr>
            <a:r>
              <a:rPr lang="en-US" dirty="0"/>
              <a:t>2. Redux Toolkit Query </a:t>
            </a:r>
            <a:r>
              <a:rPr lang="en-US" i="1" dirty="0"/>
              <a:t>(handle albums and photos)</a:t>
            </a:r>
          </a:p>
          <a:p>
            <a:endParaRPr lang="en-US" i="1" dirty="0"/>
          </a:p>
          <a:p>
            <a:pPr marL="0" indent="0">
              <a:buNone/>
            </a:pPr>
            <a:r>
              <a:rPr lang="en-US" dirty="0"/>
              <a:t>Usually, we use one of them in a project. 2</a:t>
            </a:r>
            <a:r>
              <a:rPr lang="en-US" baseline="30000" dirty="0"/>
              <a:t>nd</a:t>
            </a:r>
            <a:r>
              <a:rPr lang="en-US" dirty="0"/>
              <a:t> is a newer and recommended way. </a:t>
            </a:r>
          </a:p>
          <a:p>
            <a:pPr marL="0" indent="0">
              <a:buNone/>
            </a:pPr>
            <a:endParaRPr lang="en-US" i="1" dirty="0"/>
          </a:p>
        </p:txBody>
      </p:sp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7472C47D-A72C-D432-0609-1F04334BD1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</p:spPr>
        <p:txBody>
          <a:bodyPr/>
          <a:lstStyle/>
          <a:p>
            <a:endParaRPr lang="en-GB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264BCCE-8D84-B3E0-978E-DB955DEFAE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39</a:t>
            </a:fld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044001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Pipette putting a sample on a petri dish">
            <a:extLst>
              <a:ext uri="{FF2B5EF4-FFF2-40B4-BE49-F238E27FC236}">
                <a16:creationId xmlns:a16="http://schemas.microsoft.com/office/drawing/2014/main" id="{E68EBADE-D688-321B-7E99-28F6880D14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1" name="Down Arrow 7">
            <a:extLst>
              <a:ext uri="{FF2B5EF4-FFF2-40B4-BE49-F238E27FC236}">
                <a16:creationId xmlns:a16="http://schemas.microsoft.com/office/drawing/2014/main" id="{B547373F-AF2E-4907-B442-9F902B387F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0100" y="-4763"/>
            <a:ext cx="3333749" cy="3338514"/>
          </a:xfrm>
          <a:prstGeom prst="downArrow">
            <a:avLst>
              <a:gd name="adj1" fmla="val 100000"/>
              <a:gd name="adj2" fmla="val 26890"/>
            </a:avLst>
          </a:prstGeom>
          <a:solidFill>
            <a:schemeClr val="tx1">
              <a:lumMod val="85000"/>
              <a:lumOff val="15000"/>
            </a:schemeClr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E8938CF-6E77-3ECA-0974-F1ABEAAE6A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0501"/>
            <a:ext cx="2886075" cy="2486024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600" dirty="0">
                <a:solidFill>
                  <a:schemeClr val="bg1"/>
                </a:solidFill>
              </a:rPr>
              <a:t>Using an API with React</a:t>
            </a:r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AE053E29-F4B3-AAE2-D21D-5265F846EC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/>
            <a:endParaRPr lang="en-US" sz="1200" kern="1200">
              <a:solidFill>
                <a:srgbClr val="FFFFFF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E4C078-8076-8206-B0B7-1454B4545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457200">
              <a:spcAft>
                <a:spcPts val="600"/>
              </a:spcAft>
            </a:pPr>
            <a:fld id="{23AA811B-2EBD-4900-905E-5BE206449611}" type="slidenum">
              <a:rPr lang="en-US">
                <a:solidFill>
                  <a:srgbClr val="FFFFFF"/>
                </a:solidFill>
              </a:rPr>
              <a:pPr defTabSz="457200">
                <a:spcAft>
                  <a:spcPts val="600"/>
                </a:spcAft>
              </a:pPr>
              <a:t>4</a:t>
            </a:fld>
            <a:endParaRPr lang="en-US">
              <a:solidFill>
                <a:srgbClr val="FFFFFF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86424632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Content Placeholder 10" descr="Table&#10;&#10;Description automatically generated with medium confidence">
            <a:extLst>
              <a:ext uri="{FF2B5EF4-FFF2-40B4-BE49-F238E27FC236}">
                <a16:creationId xmlns:a16="http://schemas.microsoft.com/office/drawing/2014/main" id="{9F34BE61-F371-98FF-FF1C-FB13E6E33E6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29678" y="882082"/>
            <a:ext cx="7331290" cy="4797596"/>
          </a:xfrm>
        </p:spPr>
      </p:pic>
    </p:spTree>
    <p:extLst>
      <p:ext uri="{BB962C8B-B14F-4D97-AF65-F5344CB8AC3E}">
        <p14:creationId xmlns:p14="http://schemas.microsoft.com/office/powerpoint/2010/main" val="40933666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Diagram&#10;&#10;Description automatically generated">
            <a:extLst>
              <a:ext uri="{FF2B5EF4-FFF2-40B4-BE49-F238E27FC236}">
                <a16:creationId xmlns:a16="http://schemas.microsoft.com/office/drawing/2014/main" id="{2B9DD191-93F5-A1B7-6457-8D9D589B3AC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835357" y="740419"/>
            <a:ext cx="5825032" cy="4814452"/>
          </a:xfrm>
        </p:spPr>
      </p:pic>
    </p:spTree>
    <p:extLst>
      <p:ext uri="{BB962C8B-B14F-4D97-AF65-F5344CB8AC3E}">
        <p14:creationId xmlns:p14="http://schemas.microsoft.com/office/powerpoint/2010/main" val="35976820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Table&#10;&#10;Description automatically generated">
            <a:extLst>
              <a:ext uri="{FF2B5EF4-FFF2-40B4-BE49-F238E27FC236}">
                <a16:creationId xmlns:a16="http://schemas.microsoft.com/office/drawing/2014/main" id="{E1278085-8F9F-3861-B1FC-22D60D958AE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08411" y="17418"/>
            <a:ext cx="5445614" cy="6435725"/>
          </a:xfrm>
        </p:spPr>
      </p:pic>
    </p:spTree>
    <p:extLst>
      <p:ext uri="{BB962C8B-B14F-4D97-AF65-F5344CB8AC3E}">
        <p14:creationId xmlns:p14="http://schemas.microsoft.com/office/powerpoint/2010/main" val="101310476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Table&#10;&#10;Description automatically generated">
            <a:extLst>
              <a:ext uri="{FF2B5EF4-FFF2-40B4-BE49-F238E27FC236}">
                <a16:creationId xmlns:a16="http://schemas.microsoft.com/office/drawing/2014/main" id="{DDB583D4-9434-E8E3-CF6D-832BCA133DC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120545" y="762738"/>
            <a:ext cx="7950910" cy="5003672"/>
          </a:xfrm>
        </p:spPr>
      </p:pic>
    </p:spTree>
    <p:extLst>
      <p:ext uri="{BB962C8B-B14F-4D97-AF65-F5344CB8AC3E}">
        <p14:creationId xmlns:p14="http://schemas.microsoft.com/office/powerpoint/2010/main" val="14777058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Text, table&#10;&#10;Description automatically generated">
            <a:extLst>
              <a:ext uri="{FF2B5EF4-FFF2-40B4-BE49-F238E27FC236}">
                <a16:creationId xmlns:a16="http://schemas.microsoft.com/office/drawing/2014/main" id="{8B8B91EA-B5E5-A444-206B-D4823408DF1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35943" y="1031025"/>
            <a:ext cx="6720113" cy="4351338"/>
          </a:xfrm>
        </p:spPr>
      </p:pic>
    </p:spTree>
    <p:extLst>
      <p:ext uri="{BB962C8B-B14F-4D97-AF65-F5344CB8AC3E}">
        <p14:creationId xmlns:p14="http://schemas.microsoft.com/office/powerpoint/2010/main" val="2262443087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Diagram&#10;&#10;Description automatically generated">
            <a:extLst>
              <a:ext uri="{FF2B5EF4-FFF2-40B4-BE49-F238E27FC236}">
                <a16:creationId xmlns:a16="http://schemas.microsoft.com/office/drawing/2014/main" id="{CA61CE78-C7E8-9474-249F-0B25052A09A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389508" y="1201175"/>
            <a:ext cx="6986411" cy="4351338"/>
          </a:xfrm>
        </p:spPr>
      </p:pic>
    </p:spTree>
    <p:extLst>
      <p:ext uri="{BB962C8B-B14F-4D97-AF65-F5344CB8AC3E}">
        <p14:creationId xmlns:p14="http://schemas.microsoft.com/office/powerpoint/2010/main" val="622968507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63BABA42-6235-C8DB-90EF-62B8466CE83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83209" y="949088"/>
            <a:ext cx="10566744" cy="4894815"/>
          </a:xfrm>
        </p:spPr>
      </p:pic>
    </p:spTree>
    <p:extLst>
      <p:ext uri="{BB962C8B-B14F-4D97-AF65-F5344CB8AC3E}">
        <p14:creationId xmlns:p14="http://schemas.microsoft.com/office/powerpoint/2010/main" val="1747696684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Content Placeholder 10" descr="Diagram&#10;&#10;Description automatically generated with low confidence">
            <a:extLst>
              <a:ext uri="{FF2B5EF4-FFF2-40B4-BE49-F238E27FC236}">
                <a16:creationId xmlns:a16="http://schemas.microsoft.com/office/drawing/2014/main" id="{88440140-588F-5896-4B1B-87A91DD97F8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0292" y="568086"/>
            <a:ext cx="12009916" cy="5608877"/>
          </a:xfrm>
        </p:spPr>
      </p:pic>
    </p:spTree>
    <p:extLst>
      <p:ext uri="{BB962C8B-B14F-4D97-AF65-F5344CB8AC3E}">
        <p14:creationId xmlns:p14="http://schemas.microsoft.com/office/powerpoint/2010/main" val="4165072056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Content Placeholder 4" descr="Diagram&#10;&#10;Description automatically generated">
            <a:extLst>
              <a:ext uri="{FF2B5EF4-FFF2-40B4-BE49-F238E27FC236}">
                <a16:creationId xmlns:a16="http://schemas.microsoft.com/office/drawing/2014/main" id="{BA7296EF-DB54-2FF7-526C-EB885EDD815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3227" y="1713935"/>
            <a:ext cx="12051160" cy="4057688"/>
          </a:xfrm>
        </p:spPr>
      </p:pic>
    </p:spTree>
    <p:extLst>
      <p:ext uri="{BB962C8B-B14F-4D97-AF65-F5344CB8AC3E}">
        <p14:creationId xmlns:p14="http://schemas.microsoft.com/office/powerpoint/2010/main" val="2927019102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Diagram&#10;&#10;Description automatically generated">
            <a:extLst>
              <a:ext uri="{FF2B5EF4-FFF2-40B4-BE49-F238E27FC236}">
                <a16:creationId xmlns:a16="http://schemas.microsoft.com/office/drawing/2014/main" id="{05062411-59E1-9220-894F-3B9EE991A13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417678" y="622828"/>
            <a:ext cx="8449358" cy="5481224"/>
          </a:xfrm>
        </p:spPr>
      </p:pic>
    </p:spTree>
    <p:extLst>
      <p:ext uri="{BB962C8B-B14F-4D97-AF65-F5344CB8AC3E}">
        <p14:creationId xmlns:p14="http://schemas.microsoft.com/office/powerpoint/2010/main" val="17612158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own Arrow 7">
            <a:extLst>
              <a:ext uri="{FF2B5EF4-FFF2-40B4-BE49-F238E27FC236}">
                <a16:creationId xmlns:a16="http://schemas.microsoft.com/office/drawing/2014/main" id="{D4771268-CB57-404A-9271-370EB28F609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>
            <a:off x="800100" y="1491343"/>
            <a:ext cx="3333749" cy="3499103"/>
          </a:xfrm>
          <a:prstGeom prst="downArrow">
            <a:avLst>
              <a:gd name="adj1" fmla="val 100000"/>
              <a:gd name="adj2" fmla="val 15788"/>
            </a:avLst>
          </a:prstGeom>
          <a:solidFill>
            <a:srgbClr val="404040"/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C01B61B-7B68-7DEE-BA73-DDCB24BDF7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67266"/>
            <a:ext cx="2628900" cy="2547257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6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API requests</a:t>
            </a:r>
          </a:p>
        </p:txBody>
      </p:sp>
      <p:pic>
        <p:nvPicPr>
          <p:cNvPr id="8" name="Content Placeholder 7" descr="Diagram, schematic&#10;&#10;Description automatically generated">
            <a:extLst>
              <a:ext uri="{FF2B5EF4-FFF2-40B4-BE49-F238E27FC236}">
                <a16:creationId xmlns:a16="http://schemas.microsoft.com/office/drawing/2014/main" id="{29BE788C-8BA4-9C2F-B50A-406E37463AC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777316" y="1147825"/>
            <a:ext cx="6780700" cy="456002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91310809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6D6306C-ED4F-4AAE-B4A5-EEA6AFAD72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C5361D-F897-4856-B945-0455A365E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415435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508C0C5-2268-42B5-B3C8-4D0899E05F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141ACBDB-38F8-4B34-8183-BD95B4E55A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739327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E00DB52-3455-4E2F-867B-A6D0516E17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10653800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9E914C83-E0D8-4953-92D5-169D28CB43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115423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sosceles Triangle 21">
            <a:extLst>
              <a:ext uri="{FF2B5EF4-FFF2-40B4-BE49-F238E27FC236}">
                <a16:creationId xmlns:a16="http://schemas.microsoft.com/office/drawing/2014/main" id="{3512E083-F550-46AF-8490-767ECFD00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167297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Content Placeholder 5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F85D3527-DBBE-0E53-56CF-04AB4466C97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707296" y="27213"/>
            <a:ext cx="4035863" cy="6714456"/>
          </a:xfrm>
        </p:spPr>
      </p:pic>
    </p:spTree>
    <p:extLst>
      <p:ext uri="{BB962C8B-B14F-4D97-AF65-F5344CB8AC3E}">
        <p14:creationId xmlns:p14="http://schemas.microsoft.com/office/powerpoint/2010/main" val="562395566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0FD094F-F353-4AB6-ABE9-935E23CD871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solidFill>
            <a:srgbClr val="2777B8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3F07FBD5-F693-4B70-A6DD-738AE8DF292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Question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B15C5BC-50B3-04F4-4CFA-C892D37BFEC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880073-D434-1765-C735-14B6683F3BF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51</a:t>
            </a:fld>
            <a:endParaRPr lang="en-GB"/>
          </a:p>
        </p:txBody>
      </p:sp>
      <p:sp>
        <p:nvSpPr>
          <p:cNvPr id="7" name="Title 3">
            <a:extLst>
              <a:ext uri="{FF2B5EF4-FFF2-40B4-BE49-F238E27FC236}">
                <a16:creationId xmlns:a16="http://schemas.microsoft.com/office/drawing/2014/main" id="{4C661346-8627-0438-F371-9DFCC14CAD28}"/>
              </a:ext>
            </a:extLst>
          </p:cNvPr>
          <p:cNvSpPr txBox="1">
            <a:spLocks/>
          </p:cNvSpPr>
          <p:nvPr/>
        </p:nvSpPr>
        <p:spPr>
          <a:xfrm>
            <a:off x="539749" y="4328318"/>
            <a:ext cx="5064638" cy="17113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24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400" dirty="0" err="1">
                <a:latin typeface="+mn-lt"/>
              </a:rPr>
              <a:t>Pravesh</a:t>
            </a:r>
            <a:r>
              <a:rPr lang="en-US" sz="1400" dirty="0">
                <a:latin typeface="+mn-lt"/>
              </a:rPr>
              <a:t> Choudhary</a:t>
            </a:r>
          </a:p>
          <a:p>
            <a:endParaRPr lang="en-US" sz="1400" dirty="0">
              <a:latin typeface="+mn-lt"/>
            </a:endParaRPr>
          </a:p>
          <a:p>
            <a:r>
              <a:rPr lang="en-US" sz="1400" dirty="0">
                <a:latin typeface="+mn-lt"/>
              </a:rPr>
              <a:t>Tech Lead @ Yara </a:t>
            </a:r>
            <a:r>
              <a:rPr lang="en-US" sz="1400" dirty="0" err="1">
                <a:latin typeface="+mn-lt"/>
              </a:rPr>
              <a:t>AgCap</a:t>
            </a:r>
            <a:endParaRPr lang="en-US" sz="1400" dirty="0">
              <a:latin typeface="+mn-lt"/>
            </a:endParaRPr>
          </a:p>
          <a:p>
            <a:endParaRPr lang="en-US" sz="1400" dirty="0">
              <a:latin typeface="+mn-lt"/>
            </a:endParaRPr>
          </a:p>
          <a:p>
            <a:endParaRPr lang="en-US" sz="1400" dirty="0">
              <a:latin typeface="+mn-l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6987171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36A17ABD-04B0-1A14-403A-F6FB9FF02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400" y="2853531"/>
            <a:ext cx="11113200" cy="1150938"/>
          </a:xfrm>
        </p:spPr>
        <p:txBody>
          <a:bodyPr anchor="ctr"/>
          <a:lstStyle/>
          <a:p>
            <a:pPr algn="ctr"/>
            <a:endParaRPr lang="en-US" dirty="0"/>
          </a:p>
        </p:txBody>
      </p:sp>
      <p:sp>
        <p:nvSpPr>
          <p:cNvPr id="12" name="Footer Placeholder 2">
            <a:extLst>
              <a:ext uri="{FF2B5EF4-FFF2-40B4-BE49-F238E27FC236}">
                <a16:creationId xmlns:a16="http://schemas.microsoft.com/office/drawing/2014/main" id="{0A265075-3AC4-506E-8BD1-FE9BB4076D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</p:spPr>
        <p:txBody>
          <a:bodyPr/>
          <a:lstStyle/>
          <a:p>
            <a:endParaRPr lang="en-GB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6</a:t>
            </a:fld>
            <a:endParaRPr lang="en-GB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4D74BBBE-4342-49B9-693F-D105650F057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575617" y="1099335"/>
            <a:ext cx="6256733" cy="4140485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923906" y="485405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617586" y="132353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4827575" y="4985981"/>
                <a:ext cx="2539440" cy="21041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2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7170455" y="501721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4989786" y="500777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8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9"/>
                <a:stretch>
                  <a:fillRect/>
                </a:stretch>
              </p:blipFill>
              <p:spPr>
                <a:xfrm>
                  <a:off x="477321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20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6814415" y="-1193149"/>
                <a:ext cx="126000" cy="1260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93188808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>
            <a:extLst>
              <a:ext uri="{FF2B5EF4-FFF2-40B4-BE49-F238E27FC236}">
                <a16:creationId xmlns:a16="http://schemas.microsoft.com/office/drawing/2014/main" id="{DFD99B76-D540-BF7E-3256-94234BFC0D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5874" y="2853531"/>
            <a:ext cx="11113200" cy="1150938"/>
          </a:xfrm>
        </p:spPr>
        <p:txBody>
          <a:bodyPr anchor="ctr"/>
          <a:lstStyle/>
          <a:p>
            <a:pPr algn="ctr"/>
            <a:endParaRPr lang="en-US" dirty="0"/>
          </a:p>
        </p:txBody>
      </p:sp>
      <p:sp>
        <p:nvSpPr>
          <p:cNvPr id="19" name="Footer Placeholder 2">
            <a:extLst>
              <a:ext uri="{FF2B5EF4-FFF2-40B4-BE49-F238E27FC236}">
                <a16:creationId xmlns:a16="http://schemas.microsoft.com/office/drawing/2014/main" id="{A16BDA00-850B-047A-0DBB-D0BD9F2791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2800" y="6354000"/>
            <a:ext cx="9705600" cy="468000"/>
          </a:xfrm>
        </p:spPr>
        <p:txBody>
          <a:bodyPr/>
          <a:lstStyle/>
          <a:p>
            <a:endParaRPr lang="en-GB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F56CE-485E-D059-E131-BC924EA870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7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2" name="Ink 1">
                <a:extLst>
                  <a:ext uri="{FF2B5EF4-FFF2-40B4-BE49-F238E27FC236}">
                    <a16:creationId xmlns:a16="http://schemas.microsoft.com/office/drawing/2014/main" id="{0D96C6C1-E091-6BC3-8130-7631E9F15C4A}"/>
                  </a:ext>
                </a:extLst>
              </p14:cNvPr>
              <p14:cNvContentPartPr/>
              <p14:nvPr/>
            </p14:nvContentPartPr>
            <p14:xfrm>
              <a:off x="-358225" y="2114171"/>
              <a:ext cx="360" cy="360"/>
            </p14:xfrm>
          </p:contentPart>
        </mc:Choice>
        <mc:Fallback xmlns="">
          <p:pic>
            <p:nvPicPr>
              <p:cNvPr id="2" name="Ink 1">
                <a:extLst>
                  <a:ext uri="{FF2B5EF4-FFF2-40B4-BE49-F238E27FC236}">
                    <a16:creationId xmlns:a16="http://schemas.microsoft.com/office/drawing/2014/main" id="{0D96C6C1-E091-6BC3-8130-7631E9F15C4A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-420865" y="2051531"/>
                <a:ext cx="126000" cy="12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31B58E63-5C35-6DBF-4D41-AFBBEA640907}"/>
                  </a:ext>
                </a:extLst>
              </p14:cNvPr>
              <p14:cNvContentPartPr/>
              <p14:nvPr/>
            </p14:nvContentPartPr>
            <p14:xfrm>
              <a:off x="10021655" y="1123091"/>
              <a:ext cx="360" cy="36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31B58E63-5C35-6DBF-4D41-AFBBEA640907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959015" y="1060451"/>
                <a:ext cx="126000" cy="12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0" name="Ink 9">
                <a:extLst>
                  <a:ext uri="{FF2B5EF4-FFF2-40B4-BE49-F238E27FC236}">
                    <a16:creationId xmlns:a16="http://schemas.microsoft.com/office/drawing/2014/main" id="{A16B5FA8-1736-9A59-A3AE-B89C29B362BF}"/>
                  </a:ext>
                </a:extLst>
              </p14:cNvPr>
              <p14:cNvContentPartPr/>
              <p14:nvPr/>
            </p14:nvContentPartPr>
            <p14:xfrm>
              <a:off x="-147625" y="-1297909"/>
              <a:ext cx="360" cy="360"/>
            </p14:xfrm>
          </p:contentPart>
        </mc:Choice>
        <mc:Fallback xmlns="">
          <p:pic>
            <p:nvPicPr>
              <p:cNvPr id="10" name="Ink 9">
                <a:extLst>
                  <a:ext uri="{FF2B5EF4-FFF2-40B4-BE49-F238E27FC236}">
                    <a16:creationId xmlns:a16="http://schemas.microsoft.com/office/drawing/2014/main" id="{A16B5FA8-1736-9A59-A3AE-B89C29B362BF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-210265" y="-1360549"/>
                <a:ext cx="12600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12" name="Group 11">
            <a:extLst>
              <a:ext uri="{FF2B5EF4-FFF2-40B4-BE49-F238E27FC236}">
                <a16:creationId xmlns:a16="http://schemas.microsoft.com/office/drawing/2014/main" id="{567BF74D-0AC4-A89D-E118-0424E324B44C}"/>
              </a:ext>
            </a:extLst>
          </p:cNvPr>
          <p:cNvGrpSpPr/>
          <p:nvPr/>
        </p:nvGrpSpPr>
        <p:grpSpPr>
          <a:xfrm>
            <a:off x="5022419" y="3309371"/>
            <a:ext cx="572676" cy="223560"/>
            <a:chOff x="5022419" y="3309371"/>
            <a:chExt cx="572676" cy="22356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9">
              <p14:nvContentPartPr>
                <p14:cNvPr id="4" name="Ink 3">
                  <a:extLst>
                    <a:ext uri="{FF2B5EF4-FFF2-40B4-BE49-F238E27FC236}">
                      <a16:creationId xmlns:a16="http://schemas.microsoft.com/office/drawing/2014/main" id="{17E8A3D2-80A3-1E8E-A039-C00E79C43B72}"/>
                    </a:ext>
                  </a:extLst>
                </p14:cNvPr>
                <p14:cNvContentPartPr/>
                <p14:nvPr/>
              </p14:nvContentPartPr>
              <p14:xfrm>
                <a:off x="5516615" y="3309371"/>
                <a:ext cx="360" cy="360"/>
              </p14:xfrm>
            </p:contentPart>
          </mc:Choice>
          <mc:Fallback xmlns="">
            <p:pic>
              <p:nvPicPr>
                <p:cNvPr id="4" name="Ink 3">
                  <a:extLst>
                    <a:ext uri="{FF2B5EF4-FFF2-40B4-BE49-F238E27FC236}">
                      <a16:creationId xmlns:a16="http://schemas.microsoft.com/office/drawing/2014/main" id="{17E8A3D2-80A3-1E8E-A039-C00E79C43B72}"/>
                    </a:ext>
                  </a:extLst>
                </p:cNvPr>
                <p:cNvPicPr/>
                <p:nvPr/>
              </p:nvPicPr>
              <p:blipFill>
                <a:blip r:embed="rId6"/>
                <a:stretch>
                  <a:fillRect/>
                </a:stretch>
              </p:blipFill>
              <p:spPr>
                <a:xfrm>
                  <a:off x="5453615" y="3246731"/>
                  <a:ext cx="126000" cy="12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0">
              <p14:nvContentPartPr>
                <p14:cNvPr id="5" name="Ink 4">
                  <a:extLst>
                    <a:ext uri="{FF2B5EF4-FFF2-40B4-BE49-F238E27FC236}">
                      <a16:creationId xmlns:a16="http://schemas.microsoft.com/office/drawing/2014/main" id="{A7729038-6AC2-2374-ABC6-66B8017850C8}"/>
                    </a:ext>
                  </a:extLst>
                </p14:cNvPr>
                <p14:cNvContentPartPr/>
                <p14:nvPr/>
              </p14:nvContentPartPr>
              <p14:xfrm>
                <a:off x="5594735" y="3532571"/>
                <a:ext cx="360" cy="360"/>
              </p14:xfrm>
            </p:contentPart>
          </mc:Choice>
          <mc:Fallback xmlns="">
            <p:pic>
              <p:nvPicPr>
                <p:cNvPr id="5" name="Ink 4">
                  <a:extLst>
                    <a:ext uri="{FF2B5EF4-FFF2-40B4-BE49-F238E27FC236}">
                      <a16:creationId xmlns:a16="http://schemas.microsoft.com/office/drawing/2014/main" id="{A7729038-6AC2-2374-ABC6-66B8017850C8}"/>
                    </a:ext>
                  </a:extLst>
                </p:cNvPr>
                <p:cNvPicPr/>
                <p:nvPr/>
              </p:nvPicPr>
              <p:blipFill>
                <a:blip r:embed="rId6"/>
                <a:stretch>
                  <a:fillRect/>
                </a:stretch>
              </p:blipFill>
              <p:spPr>
                <a:xfrm>
                  <a:off x="5531735" y="3469931"/>
                  <a:ext cx="126000" cy="12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1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99ABF74-6491-3D0C-153C-91B0E54ABCB2}"/>
                    </a:ext>
                  </a:extLst>
                </p14:cNvPr>
                <p14:cNvContentPartPr/>
                <p14:nvPr/>
              </p14:nvContentPartPr>
              <p14:xfrm>
                <a:off x="5022419" y="3529691"/>
                <a:ext cx="360" cy="36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99ABF74-6491-3D0C-153C-91B0E54ABCB2}"/>
                    </a:ext>
                  </a:extLst>
                </p:cNvPr>
                <p:cNvPicPr/>
                <p:nvPr/>
              </p:nvPicPr>
              <p:blipFill>
                <a:blip r:embed="rId6"/>
                <a:stretch>
                  <a:fillRect/>
                </a:stretch>
              </p:blipFill>
              <p:spPr>
                <a:xfrm>
                  <a:off x="4959779" y="3466691"/>
                  <a:ext cx="126000" cy="12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0" name="Picture 19" descr="Chart&#10;&#10;Description automatically generated">
            <a:extLst>
              <a:ext uri="{FF2B5EF4-FFF2-40B4-BE49-F238E27FC236}">
                <a16:creationId xmlns:a16="http://schemas.microsoft.com/office/drawing/2014/main" id="{2D70F1F6-2CA5-0D69-FC03-4A255539408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-10916" y="1907548"/>
            <a:ext cx="12176382" cy="2960004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069334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Freeform: Shape 27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08A588F1-1D12-657A-1D6B-62C6CDF5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endParaRPr lang="en-US" sz="1200" kern="1200">
              <a:solidFill>
                <a:schemeClr val="tx1">
                  <a:tint val="7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F5ABF5-C946-EE1B-DEE4-EE9F54A5BA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805333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US" smtClean="0"/>
              <a:pPr>
                <a:spcAft>
                  <a:spcPts val="600"/>
                </a:spcAft>
              </a:pPr>
              <a:t>8</a:t>
            </a:fld>
            <a:endParaRPr lang="en-US"/>
          </a:p>
        </p:txBody>
      </p:sp>
      <p:sp>
        <p:nvSpPr>
          <p:cNvPr id="30" name="Isosceles Triangle 29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Content Placeholder 3" descr="Table&#10;&#10;Description automatically generated">
            <a:extLst>
              <a:ext uri="{FF2B5EF4-FFF2-40B4-BE49-F238E27FC236}">
                <a16:creationId xmlns:a16="http://schemas.microsoft.com/office/drawing/2014/main" id="{A55E4E2A-46D3-F3FE-3CF2-537FBED67E2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3923285" y="643467"/>
            <a:ext cx="4345430" cy="5571065"/>
          </a:xfrm>
          <a:prstGeom prst="rect">
            <a:avLst/>
          </a:prstGeom>
          <a:ln>
            <a:noFill/>
          </a:ln>
        </p:spPr>
      </p:pic>
      <p:sp>
        <p:nvSpPr>
          <p:cNvPr id="32" name="Isosceles Triangle 31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9020724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87BEED-FA92-24CF-0868-ED987AB8A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13553" y="6433200"/>
            <a:ext cx="335521" cy="180000"/>
          </a:xfrm>
        </p:spPr>
        <p:txBody>
          <a:bodyPr anchor="b">
            <a:normAutofit fontScale="55000" lnSpcReduction="20000"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9</a:t>
            </a:fld>
            <a:endParaRPr lang="en-GB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14:cNvPr>
              <p14:cNvContentPartPr/>
              <p14:nvPr/>
            </p14:nvContentPartPr>
            <p14:xfrm>
              <a:off x="4977906" y="4962058"/>
              <a:ext cx="745200" cy="10692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44A7647-D401-A3F7-FE30-DE565620196E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923906" y="4854418"/>
                <a:ext cx="852840" cy="3225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14:cNvPr>
              <p14:cNvContentPartPr/>
              <p14:nvPr/>
            </p14:nvContentPartPr>
            <p14:xfrm>
              <a:off x="5116866" y="4981858"/>
              <a:ext cx="515160" cy="216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BEE6C54-2B10-4DE7-2A5F-37BE1D89C694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5062866" y="4873858"/>
                <a:ext cx="622800" cy="2178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14:cNvPr>
              <p14:cNvContentPartPr/>
              <p14:nvPr/>
            </p14:nvContentPartPr>
            <p14:xfrm>
              <a:off x="626586" y="1332538"/>
              <a:ext cx="4680" cy="180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F52FAB39-CDB7-9149-E11C-936D91C72881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617946" y="1323898"/>
                <a:ext cx="22320" cy="194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0">
            <p14:nvContentPartPr>
              <p14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14:cNvPr>
              <p14:cNvContentPartPr/>
              <p14:nvPr/>
            </p14:nvContentPartPr>
            <p14:xfrm>
              <a:off x="4890575" y="5049251"/>
              <a:ext cx="2413800" cy="84240"/>
            </p14:xfrm>
          </p:contentPart>
        </mc:Choice>
        <mc:Fallback xmlns="">
          <p:pic>
            <p:nvPicPr>
              <p:cNvPr id="15" name="Ink 14">
                <a:extLst>
                  <a:ext uri="{FF2B5EF4-FFF2-40B4-BE49-F238E27FC236}">
                    <a16:creationId xmlns:a16="http://schemas.microsoft.com/office/drawing/2014/main" id="{D9F07A75-663D-28CF-3D99-641AEF98EE27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4827935" y="4986611"/>
                <a:ext cx="2539440" cy="20988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2">
            <p14:nvContentPartPr>
              <p14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14:cNvPr>
              <p14:cNvContentPartPr/>
              <p14:nvPr/>
            </p14:nvContentPartPr>
            <p14:xfrm>
              <a:off x="7233455" y="5080211"/>
              <a:ext cx="129600" cy="360"/>
            </p14:xfrm>
          </p:contentPart>
        </mc:Choice>
        <mc:Fallback xmlns="">
          <p:pic>
            <p:nvPicPr>
              <p:cNvPr id="17" name="Ink 16">
                <a:extLst>
                  <a:ext uri="{FF2B5EF4-FFF2-40B4-BE49-F238E27FC236}">
                    <a16:creationId xmlns:a16="http://schemas.microsoft.com/office/drawing/2014/main" id="{EB0D51E1-5280-BAF7-A4FF-661CD1A9EA30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7170815" y="5017571"/>
                <a:ext cx="255240" cy="126000"/>
              </a:xfrm>
              <a:prstGeom prst="rect">
                <a:avLst/>
              </a:prstGeom>
            </p:spPr>
          </p:pic>
        </mc:Fallback>
      </mc:AlternateContent>
      <p:grpSp>
        <p:nvGrpSpPr>
          <p:cNvPr id="21" name="Group 20">
            <a:extLst>
              <a:ext uri="{FF2B5EF4-FFF2-40B4-BE49-F238E27FC236}">
                <a16:creationId xmlns:a16="http://schemas.microsoft.com/office/drawing/2014/main" id="{5B47A45C-3C6F-DACA-D58F-2CC8D424E11F}"/>
              </a:ext>
            </a:extLst>
          </p:cNvPr>
          <p:cNvGrpSpPr/>
          <p:nvPr/>
        </p:nvGrpSpPr>
        <p:grpSpPr>
          <a:xfrm>
            <a:off x="4836215" y="5016778"/>
            <a:ext cx="923251" cy="78840"/>
            <a:chOff x="4836215" y="5016778"/>
            <a:chExt cx="923251" cy="7884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14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14:cNvPr>
                <p14:cNvContentPartPr/>
                <p14:nvPr/>
              </p14:nvContentPartPr>
              <p14:xfrm>
                <a:off x="4998786" y="5016778"/>
                <a:ext cx="760680" cy="7884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D32F0D1B-227A-AED6-84D7-AE68A1ADBBA6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4990146" y="5008138"/>
                  <a:ext cx="778320" cy="964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6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14:cNvPr>
                <p14:cNvContentPartPr/>
                <p14:nvPr/>
              </p14:nvContentPartPr>
              <p14:xfrm>
                <a:off x="5542746" y="5053858"/>
                <a:ext cx="360" cy="3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B4CFCCD5-2452-4D3A-D4B1-A1EDCA1A09E6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5533746" y="5044858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8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14:cNvPr>
                <p14:cNvContentPartPr/>
                <p14:nvPr/>
              </p14:nvContentPartPr>
              <p14:xfrm>
                <a:off x="4836215" y="5041691"/>
                <a:ext cx="140760" cy="1620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E229DF5-3057-9216-CBA7-705443AE0284}"/>
                    </a:ext>
                  </a:extLst>
                </p:cNvPr>
                <p:cNvPicPr/>
                <p:nvPr/>
              </p:nvPicPr>
              <p:blipFill>
                <a:blip r:embed="rId19"/>
                <a:stretch>
                  <a:fillRect/>
                </a:stretch>
              </p:blipFill>
              <p:spPr>
                <a:xfrm>
                  <a:off x="4773575" y="4978691"/>
                  <a:ext cx="266400" cy="14184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p14="http://schemas.microsoft.com/office/powerpoint/2010/main">
        <mc:Choice Requires="p14">
          <p:contentPart p14:bwMode="auto" r:id="rId20">
            <p14:nvContentPartPr>
              <p14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14:cNvPr>
              <p14:cNvContentPartPr/>
              <p14:nvPr/>
            </p14:nvContentPartPr>
            <p14:xfrm>
              <a:off x="6877415" y="-1130149"/>
              <a:ext cx="360" cy="360"/>
            </p14:xfrm>
          </p:contentPart>
        </mc:Choice>
        <mc:Fallback xmlns="">
          <p:pic>
            <p:nvPicPr>
              <p:cNvPr id="22" name="Ink 21">
                <a:extLst>
                  <a:ext uri="{FF2B5EF4-FFF2-40B4-BE49-F238E27FC236}">
                    <a16:creationId xmlns:a16="http://schemas.microsoft.com/office/drawing/2014/main" id="{878F84B5-E131-0DC4-3504-EF0325C59772}"/>
                  </a:ext>
                </a:extLst>
              </p:cNvPr>
              <p:cNvPicPr/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6814775" y="-1192789"/>
                <a:ext cx="126000" cy="126000"/>
              </a:xfrm>
              <a:prstGeom prst="rect">
                <a:avLst/>
              </a:prstGeom>
            </p:spPr>
          </p:pic>
        </mc:Fallback>
      </mc:AlternateContent>
      <p:pic>
        <p:nvPicPr>
          <p:cNvPr id="3" name="Picture 2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DF0F1F40-4351-5C17-A6F6-A35540FEFE13}"/>
              </a:ext>
            </a:extLst>
          </p:cNvPr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2508828" y="2422463"/>
            <a:ext cx="7772400" cy="201307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81EE9EC8-8D51-D7F4-1BD0-41846AD2D294}"/>
              </a:ext>
            </a:extLst>
          </p:cNvPr>
          <p:cNvSpPr txBox="1"/>
          <p:nvPr/>
        </p:nvSpPr>
        <p:spPr>
          <a:xfrm>
            <a:off x="5350506" y="1147872"/>
            <a:ext cx="13674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GET Request</a:t>
            </a:r>
          </a:p>
        </p:txBody>
      </p:sp>
    </p:spTree>
    <p:extLst>
      <p:ext uri="{BB962C8B-B14F-4D97-AF65-F5344CB8AC3E}">
        <p14:creationId xmlns:p14="http://schemas.microsoft.com/office/powerpoint/2010/main" val="20742025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2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98617344500932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315F92B8-4A7F-694E-9AF7-30419BA35600}">
  <we:reference id="f1abd87f-a3ba-42fb-91d5-100000000000" version="1.0.0.7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637943484899003139","enableDocumentContentUpdater":false,"version":"2.0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1,"isValidatorEnabled":false,"isLocked":false,"elementsMetadata":[],"slideId":"637943484899039739","enableDocumentContentUpdater":false,"version":"2.0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7943484899020775","enableDocumentContentUpdater":false,"version":"2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7943484899020775","enableDocumentContentUpdater":false,"version":"2.0"}]]></TemplafySlideTemplateConfiguration>
</file>

<file path=customXml/item17.xml><?xml version="1.0" encoding="utf-8"?>
<TemplafySlideTemplateConfiguration><![CDATA[{"slideVersion":1,"isValidatorEnabled":false,"isLocked":false,"elementsMetadata":[],"slideId":"637943484899020775","enableDocumentContentUpdater":false,"version":"2.0"}]]></TemplafySlideTemplateConfiguration>
</file>

<file path=customXml/item18.xml><?xml version="1.0" encoding="utf-8"?>
<TemplafySlideTemplateConfiguration><![CDATA[{"slideVersion":1,"isValidatorEnabled":false,"isLocked":false,"elementsMetadata":[],"slideId":"637943484899017161","enableDocumentContentUpdater":false,"version":"2.0"}]]></TemplafySlideTemplateConfiguration>
</file>

<file path=customXml/item19.xml><?xml version="1.0" encoding="utf-8"?>
<TemplafySlideTemplateConfiguration><![CDATA[{"slideVersion":1,"isValidatorEnabled":false,"isLocked":false,"elementsMetadata":[],"slideId":"637943484899024515","enableDocumentContentUpdater":false,"version":"2.0"}]]></TemplafySlideTemplateConfiguration>
</file>

<file path=customXml/item2.xml><?xml version="1.0" encoding="utf-8"?>
<TemplafySlideTemplateConfiguration><![CDATA[{"slideVersion":1,"isValidatorEnabled":false,"isLocked":false,"elementsMetadata":[],"slideId":"637943484899029223","enableDocumentContentUpdater":false,"version":"2.0"}]]></TemplafySlideTemplate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slideVersion":1,"isValidatorEnabled":false,"isLocked":false,"elementsMetadata":[],"slideId":"637943484899040847","enableDocumentContentUpdater":false,"version":"2.0"}]]></TemplafySlideTemplateConfiguration>
</file>

<file path=customXml/item22.xml><?xml version="1.0" encoding="utf-8"?>
<TemplafySlideTemplateConfiguration><![CDATA[{"slideVersion":1,"isValidatorEnabled":false,"isLocked":false,"elementsMetadata":[],"slideId":"637943484899035026","enableDocumentContentUpdater":false,"version":"2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7943484899039739","enableDocumentContentUpdater":false,"version":"2.0"}]]></TemplafySlideTemplateConfiguration>
</file>

<file path=customXml/item25.xml><?xml version="1.0" encoding="utf-8"?>
<TemplafySlideTemplateConfiguration><![CDATA[{"slideVersion":1,"isValidatorEnabled":false,"isLocked":false,"elementsMetadata":[],"slideId":"637943484899031800","enableDocumentContentUpdater":false,"version":"2.0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slideVersion":1,"isValidatorEnabled":false,"isLocked":false,"elementsMetadata":[],"slideId":"637943484899020775","enableDocumentContentUpdater":false,"version":"2.0"}]]></TemplafySlideTemplateConfiguration>
</file>

<file path=customXml/item28.xml><?xml version="1.0" encoding="utf-8"?>
<TemplafySlideTemplateConfiguration><![CDATA[{"slideVersion":1,"isValidatorEnabled":false,"isLocked":false,"elementsMetadata":[],"slideId":"637943484899039739","enableDocumentContentUpdater":false,"version":"2.0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TemplateConfiguration><![CDATA[{"slideVersion":1,"isValidatorEnabled":false,"isLocked":false,"elementsMetadata":[],"slideId":"637943484899035026","enableDocumentContentUpdater":false,"version":"2.0"}]]></TemplafySlideTemplateConfiguration>
</file>

<file path=customXml/item32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1,"isValidatorEnabled":false,"isLocked":false,"elementsMetadata":[],"slideId":"637943484899020775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5A80D5E4-01EE-4246-A61E-CD3177CE7147}">
  <ds:schemaRefs/>
</ds:datastoreItem>
</file>

<file path=customXml/itemProps10.xml><?xml version="1.0" encoding="utf-8"?>
<ds:datastoreItem xmlns:ds="http://schemas.openxmlformats.org/officeDocument/2006/customXml" ds:itemID="{8281532B-404D-264C-A526-B1F5C22A122E}">
  <ds:schemaRefs/>
</ds:datastoreItem>
</file>

<file path=customXml/itemProps11.xml><?xml version="1.0" encoding="utf-8"?>
<ds:datastoreItem xmlns:ds="http://schemas.openxmlformats.org/officeDocument/2006/customXml" ds:itemID="{016D89E9-35ED-A244-814F-17ACE229C452}">
  <ds:schemaRefs/>
</ds:datastoreItem>
</file>

<file path=customXml/itemProps12.xml><?xml version="1.0" encoding="utf-8"?>
<ds:datastoreItem xmlns:ds="http://schemas.openxmlformats.org/officeDocument/2006/customXml" ds:itemID="{6053694A-69DB-C74D-BF83-D87FD9D6F1BC}">
  <ds:schemaRefs/>
</ds:datastoreItem>
</file>

<file path=customXml/itemProps13.xml><?xml version="1.0" encoding="utf-8"?>
<ds:datastoreItem xmlns:ds="http://schemas.openxmlformats.org/officeDocument/2006/customXml" ds:itemID="{65ECFFE8-E77B-ED41-867F-8111D8526E75}">
  <ds:schemaRefs/>
</ds:datastoreItem>
</file>

<file path=customXml/itemProps14.xml><?xml version="1.0" encoding="utf-8"?>
<ds:datastoreItem xmlns:ds="http://schemas.openxmlformats.org/officeDocument/2006/customXml" ds:itemID="{AA1D44B7-14B7-BE4D-974D-DF50F0418FBE}">
  <ds:schemaRefs/>
</ds:datastoreItem>
</file>

<file path=customXml/itemProps15.xml><?xml version="1.0" encoding="utf-8"?>
<ds:datastoreItem xmlns:ds="http://schemas.openxmlformats.org/officeDocument/2006/customXml" ds:itemID="{3A362EB0-9F58-A249-B31E-32C593FD0CEE}">
  <ds:schemaRefs/>
</ds:datastoreItem>
</file>

<file path=customXml/itemProps16.xml><?xml version="1.0" encoding="utf-8"?>
<ds:datastoreItem xmlns:ds="http://schemas.openxmlformats.org/officeDocument/2006/customXml" ds:itemID="{346E604A-0505-3B48-9132-9540F5885AEC}">
  <ds:schemaRefs/>
</ds:datastoreItem>
</file>

<file path=customXml/itemProps17.xml><?xml version="1.0" encoding="utf-8"?>
<ds:datastoreItem xmlns:ds="http://schemas.openxmlformats.org/officeDocument/2006/customXml" ds:itemID="{0FD37E3A-4381-0243-9AE4-560741E07FE2}">
  <ds:schemaRefs/>
</ds:datastoreItem>
</file>

<file path=customXml/itemProps18.xml><?xml version="1.0" encoding="utf-8"?>
<ds:datastoreItem xmlns:ds="http://schemas.openxmlformats.org/officeDocument/2006/customXml" ds:itemID="{F4E68EED-463A-EB40-BCD1-B48DD9A95963}">
  <ds:schemaRefs/>
</ds:datastoreItem>
</file>

<file path=customXml/itemProps19.xml><?xml version="1.0" encoding="utf-8"?>
<ds:datastoreItem xmlns:ds="http://schemas.openxmlformats.org/officeDocument/2006/customXml" ds:itemID="{5D154190-80E3-5340-B106-C9D6EAD19CFE}">
  <ds:schemaRefs/>
</ds:datastoreItem>
</file>

<file path=customXml/itemProps2.xml><?xml version="1.0" encoding="utf-8"?>
<ds:datastoreItem xmlns:ds="http://schemas.openxmlformats.org/officeDocument/2006/customXml" ds:itemID="{A1584532-0715-994D-8B92-BAB33D562437}">
  <ds:schemaRefs/>
</ds:datastoreItem>
</file>

<file path=customXml/itemProps20.xml><?xml version="1.0" encoding="utf-8"?>
<ds:datastoreItem xmlns:ds="http://schemas.openxmlformats.org/officeDocument/2006/customXml" ds:itemID="{FBAE9E5A-4A40-4AF1-BB4B-87C292A1130E}">
  <ds:schemaRefs/>
</ds:datastoreItem>
</file>

<file path=customXml/itemProps21.xml><?xml version="1.0" encoding="utf-8"?>
<ds:datastoreItem xmlns:ds="http://schemas.openxmlformats.org/officeDocument/2006/customXml" ds:itemID="{91758BDD-4E44-E04C-9A30-EDB8DD16E37E}">
  <ds:schemaRefs/>
</ds:datastoreItem>
</file>

<file path=customXml/itemProps22.xml><?xml version="1.0" encoding="utf-8"?>
<ds:datastoreItem xmlns:ds="http://schemas.openxmlformats.org/officeDocument/2006/customXml" ds:itemID="{98D3D510-FE5B-2543-B8CB-A8CAABCDF4D8}">
  <ds:schemaRefs/>
</ds:datastoreItem>
</file>

<file path=customXml/itemProps23.xml><?xml version="1.0" encoding="utf-8"?>
<ds:datastoreItem xmlns:ds="http://schemas.openxmlformats.org/officeDocument/2006/customXml" ds:itemID="{1D9D369C-EC5E-1140-A4D1-4E6AC52A3D4A}">
  <ds:schemaRefs/>
</ds:datastoreItem>
</file>

<file path=customXml/itemProps24.xml><?xml version="1.0" encoding="utf-8"?>
<ds:datastoreItem xmlns:ds="http://schemas.openxmlformats.org/officeDocument/2006/customXml" ds:itemID="{97828318-945D-E74B-9F4B-FEF387672B1C}">
  <ds:schemaRefs/>
</ds:datastoreItem>
</file>

<file path=customXml/itemProps25.xml><?xml version="1.0" encoding="utf-8"?>
<ds:datastoreItem xmlns:ds="http://schemas.openxmlformats.org/officeDocument/2006/customXml" ds:itemID="{315B596D-F672-1A41-AF22-9EAE1643B177}">
  <ds:schemaRefs/>
</ds:datastoreItem>
</file>

<file path=customXml/itemProps26.xml><?xml version="1.0" encoding="utf-8"?>
<ds:datastoreItem xmlns:ds="http://schemas.openxmlformats.org/officeDocument/2006/customXml" ds:itemID="{CC8FDB6B-53F5-6B45-85BA-33A794C21AE7}">
  <ds:schemaRefs/>
</ds:datastoreItem>
</file>

<file path=customXml/itemProps27.xml><?xml version="1.0" encoding="utf-8"?>
<ds:datastoreItem xmlns:ds="http://schemas.openxmlformats.org/officeDocument/2006/customXml" ds:itemID="{267B9EFA-AFEE-134C-951F-D56A47BEB171}">
  <ds:schemaRefs/>
</ds:datastoreItem>
</file>

<file path=customXml/itemProps28.xml><?xml version="1.0" encoding="utf-8"?>
<ds:datastoreItem xmlns:ds="http://schemas.openxmlformats.org/officeDocument/2006/customXml" ds:itemID="{AF95E9D6-63FD-C246-9587-2B9EAABD7750}">
  <ds:schemaRefs/>
</ds:datastoreItem>
</file>

<file path=customXml/itemProps29.xml><?xml version="1.0" encoding="utf-8"?>
<ds:datastoreItem xmlns:ds="http://schemas.openxmlformats.org/officeDocument/2006/customXml" ds:itemID="{6AF76DF6-03E0-BD4B-A7B7-B489720C73D8}">
  <ds:schemaRefs/>
</ds:datastoreItem>
</file>

<file path=customXml/itemProps3.xml><?xml version="1.0" encoding="utf-8"?>
<ds:datastoreItem xmlns:ds="http://schemas.openxmlformats.org/officeDocument/2006/customXml" ds:itemID="{9F70D7DB-2CB7-1C4F-9F25-DB77782EA73B}">
  <ds:schemaRefs/>
</ds:datastoreItem>
</file>

<file path=customXml/itemProps30.xml><?xml version="1.0" encoding="utf-8"?>
<ds:datastoreItem xmlns:ds="http://schemas.openxmlformats.org/officeDocument/2006/customXml" ds:itemID="{BAE356B3-3DE8-CA48-A7BA-BD30836193A3}">
  <ds:schemaRefs/>
</ds:datastoreItem>
</file>

<file path=customXml/itemProps31.xml><?xml version="1.0" encoding="utf-8"?>
<ds:datastoreItem xmlns:ds="http://schemas.openxmlformats.org/officeDocument/2006/customXml" ds:itemID="{3FA33257-0AA8-F642-B592-53EB1B84854F}">
  <ds:schemaRefs/>
</ds:datastoreItem>
</file>

<file path=customXml/itemProps32.xml><?xml version="1.0" encoding="utf-8"?>
<ds:datastoreItem xmlns:ds="http://schemas.openxmlformats.org/officeDocument/2006/customXml" ds:itemID="{8D46DDC4-6399-F240-92F5-9CCFBCEB3BAC}">
  <ds:schemaRefs/>
</ds:datastoreItem>
</file>

<file path=customXml/itemProps4.xml><?xml version="1.0" encoding="utf-8"?>
<ds:datastoreItem xmlns:ds="http://schemas.openxmlformats.org/officeDocument/2006/customXml" ds:itemID="{34C69417-7293-2C43-B813-47B9978D6098}">
  <ds:schemaRefs/>
</ds:datastoreItem>
</file>

<file path=customXml/itemProps5.xml><?xml version="1.0" encoding="utf-8"?>
<ds:datastoreItem xmlns:ds="http://schemas.openxmlformats.org/officeDocument/2006/customXml" ds:itemID="{ED985A1E-BD09-0E45-BAF1-38F903A44AE7}">
  <ds:schemaRefs/>
</ds:datastoreItem>
</file>

<file path=customXml/itemProps6.xml><?xml version="1.0" encoding="utf-8"?>
<ds:datastoreItem xmlns:ds="http://schemas.openxmlformats.org/officeDocument/2006/customXml" ds:itemID="{6373930B-8783-BD45-B7AC-2679A9BB7C01}">
  <ds:schemaRefs/>
</ds:datastoreItem>
</file>

<file path=customXml/itemProps7.xml><?xml version="1.0" encoding="utf-8"?>
<ds:datastoreItem xmlns:ds="http://schemas.openxmlformats.org/officeDocument/2006/customXml" ds:itemID="{F326AB90-B384-3F4E-AFE2-1CC72D7F11DE}">
  <ds:schemaRefs/>
</ds:datastoreItem>
</file>

<file path=customXml/itemProps8.xml><?xml version="1.0" encoding="utf-8"?>
<ds:datastoreItem xmlns:ds="http://schemas.openxmlformats.org/officeDocument/2006/customXml" ds:itemID="{F4F450FB-4CEE-A544-ABD1-E2E6A88FA839}">
  <ds:schemaRefs/>
</ds:datastoreItem>
</file>

<file path=customXml/itemProps9.xml><?xml version="1.0" encoding="utf-8"?>
<ds:datastoreItem xmlns:ds="http://schemas.openxmlformats.org/officeDocument/2006/customXml" ds:itemID="{76EFB76A-F541-8D4A-9C36-6E12A2A55A4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1127</TotalTime>
  <Words>284</Words>
  <Application>Microsoft Macintosh PowerPoint</Application>
  <PresentationFormat>Widescreen</PresentationFormat>
  <Paragraphs>74</Paragraphs>
  <Slides>5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1</vt:i4>
      </vt:variant>
    </vt:vector>
  </HeadingPairs>
  <TitlesOfParts>
    <vt:vector size="55" baseType="lpstr">
      <vt:lpstr>Arial</vt:lpstr>
      <vt:lpstr>Calibri</vt:lpstr>
      <vt:lpstr>Calibri Light</vt:lpstr>
      <vt:lpstr>Office Theme</vt:lpstr>
      <vt:lpstr>Advanced React Concepts</vt:lpstr>
      <vt:lpstr>Prerequisites</vt:lpstr>
      <vt:lpstr>Topics</vt:lpstr>
      <vt:lpstr>Using an API with React</vt:lpstr>
      <vt:lpstr>API reques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xamples using Axios library</vt:lpstr>
      <vt:lpstr>Inspect menu Examples</vt:lpstr>
      <vt:lpstr>Communication using Context System</vt:lpstr>
      <vt:lpstr>React Context</vt:lpstr>
      <vt:lpstr>Other Hooks</vt:lpstr>
      <vt:lpstr>Other Hooks</vt:lpstr>
      <vt:lpstr>React Context and Hooks Example</vt:lpstr>
      <vt:lpstr>Dive into Redux Toolki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Redux Toolkit Basic Step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Using Redux Toolkit Query</vt:lpstr>
      <vt:lpstr>Two ways of data fetch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Questi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vanced React Concepts</dc:title>
  <dc:creator>Pravesh Choudhary</dc:creator>
  <cp:lastModifiedBy>Pravesh Choudhary</cp:lastModifiedBy>
  <cp:revision>33</cp:revision>
  <dcterms:created xsi:type="dcterms:W3CDTF">2023-02-19T06:33:19Z</dcterms:created>
  <dcterms:modified xsi:type="dcterms:W3CDTF">2023-03-22T12:34:08Z</dcterms:modified>
</cp:coreProperties>
</file>